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707\31_04_【庁外参照不可】宅建指導担当\05 免許\h 手引き・様式\様式（word・PDF等）\HPアップ\1906アップ\"/>
    </mc:Choice>
  </mc:AlternateContent>
  <bookViews>
    <workbookView xWindow="0" yWindow="0" windowWidth="23040" windowHeight="9504"/>
  </bookViews>
  <sheets>
    <sheet name="Sheet1" sheetId="1" r:id="rId1"/>
  </sheets>
  <definedNames>
    <definedName name="_xlnm.Print_Area" localSheetId="0">Sheet1!$A$1:$W$7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66" i="1" l="1"/>
  <c r="T66" i="1"/>
  <c r="P66" i="1"/>
  <c r="L66" i="1"/>
  <c r="H66" i="1"/>
  <c r="T65" i="1"/>
  <c r="P65" i="1"/>
  <c r="L65" i="1"/>
  <c r="H65" i="1"/>
  <c r="D65" i="1"/>
  <c r="T58" i="1"/>
  <c r="P58" i="1"/>
  <c r="L58" i="1"/>
  <c r="H58" i="1"/>
  <c r="D58" i="1"/>
  <c r="T57" i="1"/>
  <c r="P57" i="1"/>
  <c r="L57" i="1"/>
  <c r="H57" i="1"/>
  <c r="D57" i="1"/>
  <c r="T50" i="1"/>
  <c r="P50" i="1"/>
  <c r="L50" i="1"/>
  <c r="H50" i="1"/>
  <c r="D50" i="1"/>
  <c r="D49" i="1"/>
  <c r="H41" i="1" l="1"/>
  <c r="L41" i="1"/>
  <c r="P41" i="1"/>
  <c r="T41" i="1"/>
  <c r="D41" i="1"/>
  <c r="T38" i="1" l="1"/>
  <c r="V37" i="1"/>
  <c r="T37" i="1"/>
  <c r="T36" i="1"/>
  <c r="T35" i="1"/>
  <c r="V34" i="1"/>
  <c r="T34" i="1"/>
  <c r="P38" i="1"/>
  <c r="R37" i="1"/>
  <c r="P37" i="1"/>
  <c r="P36" i="1"/>
  <c r="P35" i="1"/>
  <c r="R34" i="1"/>
  <c r="P34" i="1"/>
  <c r="L38" i="1"/>
  <c r="N37" i="1"/>
  <c r="L37" i="1"/>
  <c r="L36" i="1"/>
  <c r="L35" i="1"/>
  <c r="N34" i="1"/>
  <c r="L34" i="1"/>
  <c r="H38" i="1"/>
  <c r="J37" i="1"/>
  <c r="H37" i="1"/>
  <c r="H36" i="1"/>
  <c r="H35" i="1"/>
  <c r="J34" i="1"/>
  <c r="H34" i="1"/>
  <c r="F37" i="1"/>
  <c r="F34" i="1"/>
  <c r="D35" i="1"/>
  <c r="D36" i="1"/>
  <c r="D37" i="1"/>
  <c r="D38" i="1"/>
  <c r="D34" i="1"/>
  <c r="T49" i="1"/>
  <c r="P49" i="1"/>
  <c r="L49" i="1"/>
  <c r="H49" i="1"/>
</calcChain>
</file>

<file path=xl/sharedStrings.xml><?xml version="1.0" encoding="utf-8"?>
<sst xmlns="http://schemas.openxmlformats.org/spreadsheetml/2006/main" count="108" uniqueCount="40">
  <si>
    <t>（A4）</t>
    <phoneticPr fontId="2"/>
  </si>
  <si>
    <t>（第一面）</t>
    <rPh sb="1" eb="3">
      <t>ダイイチ</t>
    </rPh>
    <rPh sb="3" eb="4">
      <t>メン</t>
    </rPh>
    <phoneticPr fontId="2"/>
  </si>
  <si>
    <t>宅地建物取引業経歴書</t>
    <rPh sb="0" eb="2">
      <t>タクチ</t>
    </rPh>
    <rPh sb="2" eb="4">
      <t>タテモノ</t>
    </rPh>
    <rPh sb="4" eb="7">
      <t>トリヒキギョウ</t>
    </rPh>
    <rPh sb="7" eb="10">
      <t>ケイレキショ</t>
    </rPh>
    <phoneticPr fontId="2"/>
  </si>
  <si>
    <t>１．事業の沿革</t>
    <rPh sb="2" eb="4">
      <t>ジギョウ</t>
    </rPh>
    <rPh sb="5" eb="7">
      <t>エンカク</t>
    </rPh>
    <phoneticPr fontId="2"/>
  </si>
  <si>
    <t>最初の免許</t>
    <rPh sb="0" eb="2">
      <t>サイショ</t>
    </rPh>
    <rPh sb="3" eb="5">
      <t>メンキョ</t>
    </rPh>
    <phoneticPr fontId="2"/>
  </si>
  <si>
    <t>２．事業の実績</t>
    <rPh sb="2" eb="4">
      <t>ジギョウ</t>
    </rPh>
    <rPh sb="5" eb="7">
      <t>ジッセキ</t>
    </rPh>
    <phoneticPr fontId="2"/>
  </si>
  <si>
    <t>イ．代理又は媒介の実績</t>
    <rPh sb="2" eb="4">
      <t>ダイリ</t>
    </rPh>
    <rPh sb="4" eb="5">
      <t>マタ</t>
    </rPh>
    <rPh sb="6" eb="8">
      <t>バイカイ</t>
    </rPh>
    <rPh sb="9" eb="11">
      <t>ジッセキ</t>
    </rPh>
    <phoneticPr fontId="2"/>
  </si>
  <si>
    <t>期間</t>
    <rPh sb="0" eb="2">
      <t>キカン</t>
    </rPh>
    <phoneticPr fontId="2"/>
  </si>
  <si>
    <t>添付書類（１）</t>
    <rPh sb="0" eb="2">
      <t>テンプ</t>
    </rPh>
    <rPh sb="2" eb="4">
      <t>ショルイ</t>
    </rPh>
    <phoneticPr fontId="2"/>
  </si>
  <si>
    <t>種類</t>
    <rPh sb="0" eb="2">
      <t>シュルイ</t>
    </rPh>
    <phoneticPr fontId="2"/>
  </si>
  <si>
    <t>内容</t>
    <rPh sb="0" eb="2">
      <t>ナイヨウ</t>
    </rPh>
    <phoneticPr fontId="2"/>
  </si>
  <si>
    <t>宅地</t>
    <rPh sb="0" eb="2">
      <t>タクチ</t>
    </rPh>
    <phoneticPr fontId="2"/>
  </si>
  <si>
    <t>件数</t>
    <rPh sb="0" eb="2">
      <t>ケンスウ</t>
    </rPh>
    <phoneticPr fontId="2"/>
  </si>
  <si>
    <t>価額
（千円）</t>
    <rPh sb="0" eb="2">
      <t>カガク</t>
    </rPh>
    <rPh sb="4" eb="6">
      <t>センエン</t>
    </rPh>
    <phoneticPr fontId="2"/>
  </si>
  <si>
    <t>建物</t>
    <rPh sb="0" eb="2">
      <t>タテモノ</t>
    </rPh>
    <phoneticPr fontId="2"/>
  </si>
  <si>
    <t>合計</t>
    <rPh sb="0" eb="2">
      <t>ゴウケイ</t>
    </rPh>
    <phoneticPr fontId="2"/>
  </si>
  <si>
    <t>宅地及び
建物</t>
    <rPh sb="0" eb="2">
      <t>タクチ</t>
    </rPh>
    <rPh sb="2" eb="3">
      <t>オヨ</t>
    </rPh>
    <rPh sb="5" eb="7">
      <t>タテモノ</t>
    </rPh>
    <phoneticPr fontId="2"/>
  </si>
  <si>
    <t>貸借</t>
    <rPh sb="0" eb="2">
      <t>タイシャク</t>
    </rPh>
    <phoneticPr fontId="2"/>
  </si>
  <si>
    <t>ロ．売買・交換の実績</t>
    <rPh sb="2" eb="4">
      <t>バイバイ</t>
    </rPh>
    <rPh sb="5" eb="7">
      <t>コウカン</t>
    </rPh>
    <rPh sb="8" eb="10">
      <t>ジッセキ</t>
    </rPh>
    <phoneticPr fontId="2"/>
  </si>
  <si>
    <t>（第二面）</t>
    <rPh sb="1" eb="2">
      <t>ダイ</t>
    </rPh>
    <rPh sb="2" eb="3">
      <t>ニ</t>
    </rPh>
    <rPh sb="3" eb="4">
      <t>メン</t>
    </rPh>
    <phoneticPr fontId="2"/>
  </si>
  <si>
    <t>売却</t>
    <rPh sb="0" eb="2">
      <t>バイキャク</t>
    </rPh>
    <phoneticPr fontId="2"/>
  </si>
  <si>
    <t>購入</t>
    <rPh sb="0" eb="2">
      <t>コウニュウ</t>
    </rPh>
    <phoneticPr fontId="2"/>
  </si>
  <si>
    <t>交換</t>
    <rPh sb="0" eb="2">
      <t>コウカン</t>
    </rPh>
    <phoneticPr fontId="2"/>
  </si>
  <si>
    <t>　　年　月　日から
　　年　月　日まで
の１年間</t>
    <rPh sb="2" eb="3">
      <t>ネン</t>
    </rPh>
    <rPh sb="4" eb="5">
      <t>ツキ</t>
    </rPh>
    <rPh sb="6" eb="7">
      <t>ヒ</t>
    </rPh>
    <rPh sb="12" eb="13">
      <t>ネン</t>
    </rPh>
    <rPh sb="14" eb="15">
      <t>ツキ</t>
    </rPh>
    <rPh sb="16" eb="17">
      <t>ヒ</t>
    </rPh>
    <rPh sb="22" eb="24">
      <t>ネンカン</t>
    </rPh>
    <phoneticPr fontId="2"/>
  </si>
  <si>
    <t>　　年　月　日</t>
    <rPh sb="2" eb="3">
      <t>ネン</t>
    </rPh>
    <rPh sb="4" eb="5">
      <t>ツキ</t>
    </rPh>
    <rPh sb="6" eb="7">
      <t>ヒ</t>
    </rPh>
    <phoneticPr fontId="2"/>
  </si>
  <si>
    <t>売買</t>
    <rPh sb="0" eb="2">
      <t>バイバイ</t>
    </rPh>
    <phoneticPr fontId="2"/>
  </si>
  <si>
    <t>組織変更</t>
    <rPh sb="0" eb="2">
      <t>ソシキ</t>
    </rPh>
    <rPh sb="2" eb="4">
      <t>ヘンコウ</t>
    </rPh>
    <phoneticPr fontId="2"/>
  </si>
  <si>
    <t>価額
(千円)</t>
    <rPh sb="0" eb="2">
      <t>カガク</t>
    </rPh>
    <rPh sb="4" eb="6">
      <t>センエン</t>
    </rPh>
    <phoneticPr fontId="2"/>
  </si>
  <si>
    <t>備考</t>
    <rPh sb="0" eb="2">
      <t>ビコウ</t>
    </rPh>
    <phoneticPr fontId="2"/>
  </si>
  <si>
    <t>　３　「期間」の欄には、事業年度を記入すること。</t>
    <rPh sb="4" eb="6">
      <t>キカン</t>
    </rPh>
    <rPh sb="8" eb="9">
      <t>ラン</t>
    </rPh>
    <rPh sb="12" eb="14">
      <t>ジギョウ</t>
    </rPh>
    <rPh sb="14" eb="16">
      <t>ネンド</t>
    </rPh>
    <rPh sb="17" eb="19">
      <t>キニュウ</t>
    </rPh>
    <phoneticPr fontId="2"/>
  </si>
  <si>
    <t>　４　「売買・交換」の欄には、上段に売買の実績を、下段に交換の実績を記入すること。</t>
    <phoneticPr fontId="2"/>
  </si>
  <si>
    <t>　１　新規に免許を申請する者は、「最初の免許」の欄に「新規」と記入すること。</t>
    <rPh sb="3" eb="5">
      <t>シンキ</t>
    </rPh>
    <rPh sb="6" eb="8">
      <t>メンキョ</t>
    </rPh>
    <rPh sb="9" eb="11">
      <t>シンセイ</t>
    </rPh>
    <rPh sb="13" eb="14">
      <t>モノ</t>
    </rPh>
    <rPh sb="17" eb="19">
      <t>サイショ</t>
    </rPh>
    <rPh sb="20" eb="22">
      <t>メンキョ</t>
    </rPh>
    <rPh sb="24" eb="25">
      <t>ラン</t>
    </rPh>
    <rPh sb="27" eb="29">
      <t>シンキ</t>
    </rPh>
    <rPh sb="31" eb="33">
      <t>キニュウ</t>
    </rPh>
    <phoneticPr fontId="2"/>
  </si>
  <si>
    <t>　２　「組織変更」の欄には、合併又は商号変更若しくは名称の変更について記入すること。</t>
    <rPh sb="4" eb="6">
      <t>ソシキ</t>
    </rPh>
    <rPh sb="6" eb="8">
      <t>ヘンコウ</t>
    </rPh>
    <rPh sb="10" eb="11">
      <t>ラン</t>
    </rPh>
    <rPh sb="14" eb="16">
      <t>ガッペイ</t>
    </rPh>
    <rPh sb="16" eb="17">
      <t>マタ</t>
    </rPh>
    <rPh sb="18" eb="20">
      <t>ショウゴウ</t>
    </rPh>
    <rPh sb="20" eb="22">
      <t>ヘンコウ</t>
    </rPh>
    <rPh sb="22" eb="23">
      <t>モ</t>
    </rPh>
    <rPh sb="26" eb="28">
      <t>メイショウ</t>
    </rPh>
    <rPh sb="29" eb="31">
      <t>ヘンコウ</t>
    </rPh>
    <rPh sb="35" eb="37">
      <t>キニュウ</t>
    </rPh>
    <phoneticPr fontId="2"/>
  </si>
  <si>
    <t>（「売買・交換」の欄の上段には売買の実績を、下段には交換の実績を記入してください。）</t>
    <phoneticPr fontId="2"/>
  </si>
  <si>
    <t>宅地及び建物</t>
    <rPh sb="0" eb="2">
      <t>タクチ</t>
    </rPh>
    <rPh sb="2" eb="3">
      <t>オヨ</t>
    </rPh>
    <rPh sb="4" eb="6">
      <t>タテモノ</t>
    </rPh>
    <phoneticPr fontId="2"/>
  </si>
  <si>
    <t>更新の場合、納税証明書の年度と５年間の最後の１年間が一致するように、申請直前の５年間の事業年度について記入してください。（実績がまったくない期間が１年以上ある場合は、理由書を添付してください。）</t>
    <rPh sb="0" eb="2">
      <t>コウシン</t>
    </rPh>
    <rPh sb="3" eb="5">
      <t>バアイ</t>
    </rPh>
    <rPh sb="6" eb="8">
      <t>ノウゼイ</t>
    </rPh>
    <rPh sb="8" eb="11">
      <t>ショウメイショ</t>
    </rPh>
    <rPh sb="12" eb="14">
      <t>ネンド</t>
    </rPh>
    <rPh sb="16" eb="18">
      <t>ネンカン</t>
    </rPh>
    <rPh sb="19" eb="21">
      <t>サイゴ</t>
    </rPh>
    <rPh sb="23" eb="25">
      <t>ネンカン</t>
    </rPh>
    <rPh sb="26" eb="28">
      <t>イッチ</t>
    </rPh>
    <rPh sb="34" eb="36">
      <t>シンセイ</t>
    </rPh>
    <rPh sb="36" eb="38">
      <t>チョクゼン</t>
    </rPh>
    <rPh sb="40" eb="42">
      <t>ネンカン</t>
    </rPh>
    <rPh sb="43" eb="45">
      <t>ジギョウ</t>
    </rPh>
    <rPh sb="45" eb="47">
      <t>ネンド</t>
    </rPh>
    <rPh sb="51" eb="53">
      <t>キニュウ</t>
    </rPh>
    <rPh sb="61" eb="63">
      <t>ジッセキ</t>
    </rPh>
    <rPh sb="70" eb="72">
      <t>キカン</t>
    </rPh>
    <rPh sb="74" eb="77">
      <t>ネンイジョウ</t>
    </rPh>
    <rPh sb="79" eb="81">
      <t>バアイ</t>
    </rPh>
    <rPh sb="83" eb="86">
      <t>リユウショ</t>
    </rPh>
    <rPh sb="87" eb="89">
      <t>テンプ</t>
    </rPh>
    <phoneticPr fontId="2"/>
  </si>
  <si>
    <t>新規の場合、「最初の免許」の欄に「新規」と記入してください。</t>
    <rPh sb="0" eb="2">
      <t>シンキ</t>
    </rPh>
    <rPh sb="3" eb="5">
      <t>バアイ</t>
    </rPh>
    <rPh sb="7" eb="9">
      <t>サイショ</t>
    </rPh>
    <rPh sb="10" eb="12">
      <t>メンキョ</t>
    </rPh>
    <rPh sb="14" eb="15">
      <t>ラン</t>
    </rPh>
    <rPh sb="17" eb="19">
      <t>シンキ</t>
    </rPh>
    <rPh sb="21" eb="23">
      <t>キニュウ</t>
    </rPh>
    <phoneticPr fontId="2"/>
  </si>
  <si>
    <r>
      <rPr>
        <b/>
        <sz val="11"/>
        <color theme="1"/>
        <rFont val="ＭＳ ゴシック"/>
        <family val="3"/>
        <charset val="128"/>
      </rPr>
      <t>様式第二号</t>
    </r>
    <r>
      <rPr>
        <sz val="11"/>
        <color theme="1"/>
        <rFont val="ＭＳ 明朝"/>
        <family val="2"/>
        <charset val="128"/>
      </rPr>
      <t>（第一条の二関係）</t>
    </r>
    <rPh sb="0" eb="2">
      <t>ヨウシキ</t>
    </rPh>
    <rPh sb="2" eb="3">
      <t>ダイ</t>
    </rPh>
    <rPh sb="3" eb="5">
      <t>ニゴウ</t>
    </rPh>
    <rPh sb="6" eb="7">
      <t>ダイ</t>
    </rPh>
    <rPh sb="7" eb="9">
      <t>イチジョウ</t>
    </rPh>
    <rPh sb="10" eb="11">
      <t>ニ</t>
    </rPh>
    <rPh sb="11" eb="13">
      <t>カンケイ</t>
    </rPh>
    <phoneticPr fontId="2"/>
  </si>
  <si>
    <t>　※　「事業の実績」は、個人申請にあっては暦年により記入し、法人にあっては決算書類に符合させて記入すること。</t>
    <rPh sb="4" eb="6">
      <t>ジギョウ</t>
    </rPh>
    <rPh sb="7" eb="9">
      <t>ジッセキ</t>
    </rPh>
    <rPh sb="12" eb="14">
      <t>コジン</t>
    </rPh>
    <rPh sb="14" eb="16">
      <t>シンセイ</t>
    </rPh>
    <rPh sb="21" eb="23">
      <t>レキネン</t>
    </rPh>
    <rPh sb="26" eb="28">
      <t>キニュウ</t>
    </rPh>
    <rPh sb="30" eb="32">
      <t>ホウジン</t>
    </rPh>
    <rPh sb="37" eb="39">
      <t>ケッサン</t>
    </rPh>
    <rPh sb="39" eb="41">
      <t>ショルイ</t>
    </rPh>
    <rPh sb="42" eb="44">
      <t>フゴウ</t>
    </rPh>
    <rPh sb="47" eb="49">
      <t>キニュウ</t>
    </rPh>
    <phoneticPr fontId="2"/>
  </si>
  <si>
    <t>手数料
(千円)</t>
    <rPh sb="0" eb="3">
      <t>テスウリ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6"/>
      <color theme="1"/>
      <name val="ＭＳ 明朝"/>
      <family val="2"/>
      <charset val="128"/>
    </font>
    <font>
      <b/>
      <sz val="11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 diagonalDown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dotted">
        <color indexed="64"/>
      </bottom>
      <diagonal/>
    </border>
    <border>
      <left/>
      <right style="thin">
        <color indexed="64"/>
      </right>
      <top style="double">
        <color indexed="64"/>
      </top>
      <bottom style="dotted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94">
    <xf numFmtId="0" fontId="0" fillId="0" borderId="0" xfId="0">
      <alignment vertical="center"/>
    </xf>
    <xf numFmtId="0" fontId="5" fillId="0" borderId="0" xfId="0" applyFont="1">
      <alignment vertical="center"/>
    </xf>
    <xf numFmtId="0" fontId="4" fillId="0" borderId="0" xfId="0" applyFont="1">
      <alignment vertical="center"/>
    </xf>
    <xf numFmtId="0" fontId="5" fillId="0" borderId="0" xfId="0" applyFont="1" applyAlignment="1">
      <alignment horizontal="right" vertical="center"/>
    </xf>
    <xf numFmtId="0" fontId="5" fillId="0" borderId="4" xfId="0" applyFont="1" applyBorder="1">
      <alignment vertical="center"/>
    </xf>
    <xf numFmtId="0" fontId="5" fillId="0" borderId="12" xfId="0" applyFont="1" applyBorder="1">
      <alignment vertical="center"/>
    </xf>
    <xf numFmtId="0" fontId="6" fillId="0" borderId="2" xfId="0" applyFont="1" applyBorder="1" applyAlignment="1">
      <alignment horizontal="right" vertical="top"/>
    </xf>
    <xf numFmtId="0" fontId="6" fillId="0" borderId="3" xfId="0" applyFont="1" applyBorder="1" applyAlignment="1">
      <alignment horizontal="left"/>
    </xf>
    <xf numFmtId="0" fontId="6" fillId="0" borderId="13" xfId="0" applyFont="1" applyBorder="1" applyAlignment="1">
      <alignment horizontal="left"/>
    </xf>
    <xf numFmtId="0" fontId="5" fillId="0" borderId="5" xfId="0" applyFont="1" applyBorder="1">
      <alignment vertical="center"/>
    </xf>
    <xf numFmtId="0" fontId="6" fillId="0" borderId="4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22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9" xfId="0" applyFont="1" applyBorder="1" applyAlignment="1" applyProtection="1">
      <alignment horizontal="center" vertical="center" wrapText="1"/>
      <protection locked="0"/>
    </xf>
    <xf numFmtId="0" fontId="6" fillId="0" borderId="11" xfId="0" applyFont="1" applyBorder="1" applyAlignment="1" applyProtection="1">
      <alignment horizontal="center" vertical="center" wrapText="1"/>
      <protection locked="0"/>
    </xf>
    <xf numFmtId="0" fontId="6" fillId="0" borderId="10" xfId="0" applyFont="1" applyBorder="1" applyAlignment="1" applyProtection="1">
      <alignment horizontal="center" vertical="center" wrapText="1"/>
      <protection locked="0"/>
    </xf>
    <xf numFmtId="0" fontId="6" fillId="0" borderId="9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6" xfId="0" applyFont="1" applyBorder="1" applyAlignment="1">
      <alignment vertical="center" textRotation="255"/>
    </xf>
    <xf numFmtId="0" fontId="6" fillId="0" borderId="8" xfId="0" applyFont="1" applyBorder="1" applyAlignment="1">
      <alignment vertical="center" textRotation="255"/>
    </xf>
    <xf numFmtId="0" fontId="6" fillId="0" borderId="7" xfId="0" applyFont="1" applyBorder="1" applyAlignment="1">
      <alignment vertical="center" textRotation="255"/>
    </xf>
    <xf numFmtId="0" fontId="6" fillId="0" borderId="6" xfId="0" applyFont="1" applyBorder="1" applyAlignment="1">
      <alignment vertical="center" textRotation="255" wrapText="1"/>
    </xf>
    <xf numFmtId="0" fontId="6" fillId="0" borderId="8" xfId="0" applyFont="1" applyBorder="1" applyAlignment="1">
      <alignment vertical="center" textRotation="255" wrapText="1"/>
    </xf>
    <xf numFmtId="0" fontId="6" fillId="0" borderId="25" xfId="0" applyFont="1" applyBorder="1" applyAlignment="1">
      <alignment vertical="center" textRotation="255"/>
    </xf>
    <xf numFmtId="0" fontId="6" fillId="0" borderId="9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38" fontId="5" fillId="0" borderId="18" xfId="1" applyFont="1" applyBorder="1" applyAlignment="1" applyProtection="1">
      <alignment horizontal="right" vertical="center" shrinkToFit="1"/>
      <protection locked="0"/>
    </xf>
    <xf numFmtId="38" fontId="5" fillId="0" borderId="19" xfId="1" applyFont="1" applyBorder="1" applyAlignment="1" applyProtection="1">
      <alignment horizontal="right" vertical="center" shrinkToFit="1"/>
      <protection locked="0"/>
    </xf>
    <xf numFmtId="38" fontId="5" fillId="0" borderId="4" xfId="1" applyFont="1" applyBorder="1" applyAlignment="1" applyProtection="1">
      <alignment horizontal="right" vertical="center" shrinkToFit="1"/>
      <protection locked="0"/>
    </xf>
    <xf numFmtId="38" fontId="5" fillId="0" borderId="2" xfId="1" applyFont="1" applyBorder="1" applyAlignment="1" applyProtection="1">
      <alignment horizontal="right" vertical="center" shrinkToFit="1"/>
      <protection locked="0"/>
    </xf>
    <xf numFmtId="38" fontId="5" fillId="0" borderId="3" xfId="1" applyFont="1" applyBorder="1" applyAlignment="1" applyProtection="1">
      <alignment horizontal="right" vertical="center" shrinkToFit="1"/>
      <protection locked="0"/>
    </xf>
    <xf numFmtId="38" fontId="5" fillId="0" borderId="5" xfId="1" applyFont="1" applyBorder="1" applyAlignment="1" applyProtection="1">
      <alignment horizontal="right" vertical="center" shrinkToFit="1"/>
      <protection locked="0"/>
    </xf>
    <xf numFmtId="38" fontId="5" fillId="0" borderId="22" xfId="1" applyFont="1" applyBorder="1" applyAlignment="1">
      <alignment horizontal="right" vertical="center"/>
    </xf>
    <xf numFmtId="38" fontId="5" fillId="0" borderId="1" xfId="1" applyFont="1" applyBorder="1" applyAlignment="1">
      <alignment horizontal="right" vertical="center"/>
    </xf>
    <xf numFmtId="38" fontId="5" fillId="0" borderId="4" xfId="1" applyFont="1" applyBorder="1" applyAlignment="1" applyProtection="1">
      <alignment horizontal="right" vertical="center"/>
      <protection locked="0"/>
    </xf>
    <xf numFmtId="38" fontId="5" fillId="0" borderId="12" xfId="1" applyFont="1" applyBorder="1" applyAlignment="1" applyProtection="1">
      <alignment horizontal="right" vertical="center"/>
      <protection locked="0"/>
    </xf>
    <xf numFmtId="38" fontId="5" fillId="0" borderId="2" xfId="1" applyFont="1" applyBorder="1" applyAlignment="1" applyProtection="1">
      <alignment horizontal="right" vertical="center"/>
      <protection locked="0"/>
    </xf>
    <xf numFmtId="38" fontId="5" fillId="0" borderId="9" xfId="1" applyFont="1" applyBorder="1" applyAlignment="1" applyProtection="1">
      <alignment horizontal="right" vertical="center"/>
      <protection locked="0"/>
    </xf>
    <xf numFmtId="38" fontId="5" fillId="0" borderId="11" xfId="1" applyFont="1" applyBorder="1" applyAlignment="1" applyProtection="1">
      <alignment horizontal="right" vertical="center"/>
      <protection locked="0"/>
    </xf>
    <xf numFmtId="38" fontId="5" fillId="0" borderId="10" xfId="1" applyFont="1" applyBorder="1" applyAlignment="1" applyProtection="1">
      <alignment horizontal="right" vertical="center"/>
      <protection locked="0"/>
    </xf>
    <xf numFmtId="0" fontId="6" fillId="0" borderId="6" xfId="0" applyFont="1" applyBorder="1" applyAlignment="1">
      <alignment horizontal="center" vertical="center" textRotation="255"/>
    </xf>
    <xf numFmtId="0" fontId="6" fillId="0" borderId="8" xfId="0" applyFont="1" applyBorder="1" applyAlignment="1">
      <alignment horizontal="center" vertical="center" textRotation="255"/>
    </xf>
    <xf numFmtId="0" fontId="6" fillId="0" borderId="7" xfId="0" applyFont="1" applyBorder="1" applyAlignment="1">
      <alignment horizontal="center" vertical="center" textRotation="255"/>
    </xf>
    <xf numFmtId="38" fontId="5" fillId="0" borderId="30" xfId="1" applyFont="1" applyBorder="1" applyAlignment="1">
      <alignment horizontal="right" vertical="center" shrinkToFit="1"/>
    </xf>
    <xf numFmtId="38" fontId="5" fillId="0" borderId="31" xfId="1" applyFont="1" applyBorder="1" applyAlignment="1">
      <alignment horizontal="right" vertical="center" shrinkToFit="1"/>
    </xf>
    <xf numFmtId="38" fontId="5" fillId="0" borderId="3" xfId="1" applyFont="1" applyBorder="1" applyAlignment="1">
      <alignment horizontal="right" vertical="center" shrinkToFit="1"/>
    </xf>
    <xf numFmtId="38" fontId="5" fillId="0" borderId="5" xfId="1" applyFont="1" applyBorder="1" applyAlignment="1">
      <alignment horizontal="right" vertical="center" shrinkToFit="1"/>
    </xf>
    <xf numFmtId="38" fontId="5" fillId="0" borderId="28" xfId="1" applyFont="1" applyBorder="1" applyAlignment="1">
      <alignment horizontal="right" vertical="center" shrinkToFit="1"/>
    </xf>
    <xf numFmtId="38" fontId="5" fillId="0" borderId="29" xfId="1" applyFont="1" applyBorder="1" applyAlignment="1">
      <alignment horizontal="right" vertical="center" shrinkToFit="1"/>
    </xf>
    <xf numFmtId="38" fontId="5" fillId="0" borderId="20" xfId="1" applyFont="1" applyBorder="1" applyAlignment="1">
      <alignment horizontal="right" vertical="center" shrinkToFit="1"/>
    </xf>
    <xf numFmtId="38" fontId="5" fillId="0" borderId="21" xfId="1" applyFont="1" applyBorder="1" applyAlignment="1">
      <alignment horizontal="right" vertical="center" shrinkToFit="1"/>
    </xf>
    <xf numFmtId="38" fontId="5" fillId="0" borderId="20" xfId="1" applyFont="1" applyBorder="1" applyAlignment="1" applyProtection="1">
      <alignment horizontal="right" vertical="center" shrinkToFit="1"/>
      <protection locked="0"/>
    </xf>
    <xf numFmtId="38" fontId="5" fillId="0" borderId="21" xfId="1" applyFont="1" applyBorder="1" applyAlignment="1" applyProtection="1">
      <alignment horizontal="right" vertical="center" shrinkToFit="1"/>
      <protection locked="0"/>
    </xf>
    <xf numFmtId="0" fontId="6" fillId="0" borderId="4" xfId="0" applyFont="1" applyBorder="1" applyAlignment="1" applyProtection="1">
      <alignment horizontal="center" vertical="center" wrapText="1"/>
    </xf>
    <xf numFmtId="0" fontId="6" fillId="0" borderId="12" xfId="0" applyFont="1" applyBorder="1" applyAlignment="1" applyProtection="1">
      <alignment horizontal="center" vertical="center" wrapText="1"/>
    </xf>
    <xf numFmtId="0" fontId="6" fillId="0" borderId="2" xfId="0" applyFont="1" applyBorder="1" applyAlignment="1" applyProtection="1">
      <alignment horizontal="center" vertical="center" wrapText="1"/>
    </xf>
    <xf numFmtId="0" fontId="6" fillId="0" borderId="3" xfId="0" applyFont="1" applyBorder="1" applyAlignment="1" applyProtection="1">
      <alignment horizontal="center" vertical="center" wrapText="1"/>
    </xf>
    <xf numFmtId="0" fontId="6" fillId="0" borderId="13" xfId="0" applyFont="1" applyBorder="1" applyAlignment="1" applyProtection="1">
      <alignment horizontal="center" vertical="center" wrapText="1"/>
    </xf>
    <xf numFmtId="0" fontId="6" fillId="0" borderId="5" xfId="0" applyFont="1" applyBorder="1" applyAlignment="1" applyProtection="1">
      <alignment horizontal="center" vertical="center" wrapText="1"/>
    </xf>
    <xf numFmtId="0" fontId="6" fillId="0" borderId="26" xfId="0" applyFont="1" applyBorder="1" applyAlignment="1">
      <alignment horizontal="center" vertical="center"/>
    </xf>
    <xf numFmtId="0" fontId="6" fillId="0" borderId="27" xfId="0" applyFont="1" applyBorder="1" applyAlignment="1">
      <alignment horizontal="center" vertical="center"/>
    </xf>
    <xf numFmtId="38" fontId="5" fillId="0" borderId="9" xfId="1" applyFont="1" applyBorder="1" applyAlignment="1" applyProtection="1">
      <alignment horizontal="right" vertical="center" shrinkToFit="1"/>
      <protection locked="0"/>
    </xf>
    <xf numFmtId="38" fontId="5" fillId="0" borderId="10" xfId="1" applyFont="1" applyBorder="1" applyAlignment="1" applyProtection="1">
      <alignment horizontal="right" vertical="center" shrinkToFit="1"/>
      <protection locked="0"/>
    </xf>
    <xf numFmtId="38" fontId="5" fillId="0" borderId="16" xfId="1" applyFont="1" applyBorder="1" applyAlignment="1">
      <alignment horizontal="right" vertical="center" shrinkToFit="1"/>
    </xf>
    <xf numFmtId="38" fontId="5" fillId="0" borderId="17" xfId="1" applyFont="1" applyBorder="1" applyAlignment="1">
      <alignment horizontal="right" vertical="center" shrinkToFit="1"/>
    </xf>
    <xf numFmtId="38" fontId="5" fillId="0" borderId="14" xfId="1" applyFont="1" applyBorder="1" applyAlignment="1" applyProtection="1">
      <alignment horizontal="right" vertical="center" shrinkToFit="1"/>
      <protection locked="0"/>
    </xf>
    <xf numFmtId="38" fontId="5" fillId="0" borderId="15" xfId="1" applyFont="1" applyBorder="1" applyAlignment="1" applyProtection="1">
      <alignment horizontal="right" vertical="center" shrinkToFit="1"/>
      <protection locked="0"/>
    </xf>
    <xf numFmtId="38" fontId="5" fillId="0" borderId="18" xfId="1" applyFont="1" applyBorder="1" applyAlignment="1">
      <alignment horizontal="right" vertical="center" shrinkToFit="1"/>
    </xf>
    <xf numFmtId="38" fontId="5" fillId="0" borderId="19" xfId="1" applyFont="1" applyBorder="1" applyAlignment="1">
      <alignment horizontal="right" vertical="center" shrinkToFit="1"/>
    </xf>
    <xf numFmtId="38" fontId="5" fillId="0" borderId="9" xfId="1" applyFont="1" applyBorder="1" applyAlignment="1">
      <alignment horizontal="right" vertical="center" shrinkToFit="1"/>
    </xf>
    <xf numFmtId="38" fontId="5" fillId="0" borderId="10" xfId="1" applyFont="1" applyBorder="1" applyAlignment="1">
      <alignment horizontal="right" vertical="center" shrinkToFit="1"/>
    </xf>
    <xf numFmtId="38" fontId="5" fillId="0" borderId="4" xfId="1" applyFont="1" applyBorder="1" applyAlignment="1">
      <alignment horizontal="right" vertical="center" shrinkToFit="1"/>
    </xf>
    <xf numFmtId="38" fontId="5" fillId="0" borderId="2" xfId="1" applyFont="1" applyBorder="1" applyAlignment="1">
      <alignment horizontal="right" vertical="center" shrinkToFit="1"/>
    </xf>
    <xf numFmtId="38" fontId="5" fillId="0" borderId="23" xfId="1" applyFont="1" applyBorder="1" applyAlignment="1" applyProtection="1">
      <alignment horizontal="right" vertical="center" shrinkToFit="1"/>
      <protection locked="0"/>
    </xf>
    <xf numFmtId="38" fontId="5" fillId="0" borderId="24" xfId="1" applyFont="1" applyBorder="1" applyAlignment="1" applyProtection="1">
      <alignment horizontal="right" vertical="center" shrinkToFit="1"/>
      <protection locked="0"/>
    </xf>
    <xf numFmtId="0" fontId="6" fillId="0" borderId="18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1" xfId="0" applyFont="1" applyBorder="1" applyAlignment="1" applyProtection="1">
      <alignment vertical="center"/>
      <protection locked="0"/>
    </xf>
    <xf numFmtId="0" fontId="5" fillId="0" borderId="1" xfId="0" applyFont="1" applyBorder="1" applyAlignment="1" applyProtection="1">
      <alignment horizontal="right" vertical="center"/>
      <protection locked="0"/>
    </xf>
    <xf numFmtId="0" fontId="6" fillId="0" borderId="1" xfId="0" applyFont="1" applyBorder="1" applyAlignment="1" applyProtection="1">
      <alignment horizontal="center" vertical="center"/>
      <protection locked="0"/>
    </xf>
    <xf numFmtId="0" fontId="6" fillId="0" borderId="20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0" fontId="4" fillId="0" borderId="0" xfId="0" applyFont="1" applyAlignment="1">
      <alignment vertical="center" wrapText="1"/>
    </xf>
    <xf numFmtId="0" fontId="5" fillId="0" borderId="1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4011</xdr:colOff>
      <xdr:row>16</xdr:row>
      <xdr:rowOff>0</xdr:rowOff>
    </xdr:from>
    <xdr:to>
      <xdr:col>2</xdr:col>
      <xdr:colOff>465221</xdr:colOff>
      <xdr:row>18</xdr:row>
      <xdr:rowOff>0</xdr:rowOff>
    </xdr:to>
    <xdr:cxnSp macro="">
      <xdr:nvCxnSpPr>
        <xdr:cNvPr id="3" name="直線コネクタ 2"/>
        <xdr:cNvCxnSpPr/>
      </xdr:nvCxnSpPr>
      <xdr:spPr>
        <a:xfrm flipH="1" flipV="1">
          <a:off x="4011" y="4098758"/>
          <a:ext cx="1034715" cy="609600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1</xdr:colOff>
      <xdr:row>40</xdr:row>
      <xdr:rowOff>0</xdr:rowOff>
    </xdr:from>
    <xdr:to>
      <xdr:col>2</xdr:col>
      <xdr:colOff>465221</xdr:colOff>
      <xdr:row>42</xdr:row>
      <xdr:rowOff>0</xdr:rowOff>
    </xdr:to>
    <xdr:cxnSp macro="">
      <xdr:nvCxnSpPr>
        <xdr:cNvPr id="4" name="直線コネクタ 3"/>
        <xdr:cNvCxnSpPr/>
      </xdr:nvCxnSpPr>
      <xdr:spPr>
        <a:xfrm flipH="1" flipV="1">
          <a:off x="1" y="12420600"/>
          <a:ext cx="1038725" cy="565484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73"/>
  <sheetViews>
    <sheetView tabSelected="1" view="pageBreakPreview" zoomScale="130" zoomScaleNormal="100" zoomScaleSheetLayoutView="130" workbookViewId="0">
      <selection sqref="A1:W1"/>
    </sheetView>
  </sheetViews>
  <sheetFormatPr defaultRowHeight="13.2" x14ac:dyDescent="0.2"/>
  <cols>
    <col min="1" max="1" width="3" style="1" customWidth="1"/>
    <col min="2" max="2" width="4.5" style="1" customWidth="1"/>
    <col min="3" max="3" width="6.09765625" style="1" customWidth="1"/>
    <col min="4" max="23" width="4.3984375" style="1" customWidth="1"/>
    <col min="24" max="16384" width="8.796875" style="1"/>
  </cols>
  <sheetData>
    <row r="1" spans="1:23" ht="31.2" customHeight="1" x14ac:dyDescent="0.2">
      <c r="A1" s="91" t="s">
        <v>35</v>
      </c>
      <c r="B1" s="91"/>
      <c r="C1" s="91"/>
      <c r="D1" s="91"/>
      <c r="E1" s="91"/>
      <c r="F1" s="91"/>
      <c r="G1" s="91"/>
      <c r="H1" s="91"/>
      <c r="I1" s="91"/>
      <c r="J1" s="91"/>
      <c r="K1" s="91"/>
      <c r="L1" s="91"/>
      <c r="M1" s="91"/>
      <c r="N1" s="91"/>
      <c r="O1" s="91"/>
      <c r="P1" s="91"/>
      <c r="Q1" s="91"/>
      <c r="R1" s="91"/>
      <c r="S1" s="91"/>
      <c r="T1" s="91"/>
      <c r="U1" s="91"/>
      <c r="V1" s="91"/>
      <c r="W1" s="91"/>
    </row>
    <row r="2" spans="1:23" x14ac:dyDescent="0.2">
      <c r="A2" s="2" t="s">
        <v>36</v>
      </c>
    </row>
    <row r="4" spans="1:23" ht="14.4" customHeight="1" x14ac:dyDescent="0.2">
      <c r="A4" s="1" t="s">
        <v>37</v>
      </c>
      <c r="W4" s="3" t="s">
        <v>0</v>
      </c>
    </row>
    <row r="5" spans="1:23" ht="16.2" customHeight="1" x14ac:dyDescent="0.2">
      <c r="A5" s="85" t="s">
        <v>8</v>
      </c>
      <c r="B5" s="85"/>
      <c r="C5" s="85"/>
      <c r="D5" s="85"/>
      <c r="E5" s="85"/>
      <c r="F5" s="85"/>
      <c r="G5" s="85"/>
      <c r="H5" s="85"/>
      <c r="I5" s="85"/>
      <c r="J5" s="85"/>
      <c r="K5" s="85"/>
      <c r="L5" s="85"/>
      <c r="M5" s="85"/>
      <c r="N5" s="85"/>
      <c r="O5" s="85"/>
      <c r="P5" s="85"/>
      <c r="Q5" s="85"/>
      <c r="R5" s="85"/>
      <c r="S5" s="85"/>
      <c r="T5" s="85"/>
      <c r="U5" s="85"/>
      <c r="V5" s="85"/>
      <c r="W5" s="85"/>
    </row>
    <row r="6" spans="1:23" ht="16.2" customHeight="1" x14ac:dyDescent="0.2">
      <c r="A6" s="85" t="s">
        <v>1</v>
      </c>
      <c r="B6" s="85"/>
      <c r="C6" s="85"/>
      <c r="D6" s="85"/>
      <c r="E6" s="85"/>
      <c r="F6" s="85"/>
      <c r="G6" s="85"/>
      <c r="H6" s="85"/>
      <c r="I6" s="85"/>
      <c r="J6" s="85"/>
      <c r="K6" s="85"/>
      <c r="L6" s="85"/>
      <c r="M6" s="85"/>
      <c r="N6" s="85"/>
      <c r="O6" s="85"/>
      <c r="P6" s="85"/>
      <c r="Q6" s="85"/>
      <c r="R6" s="85"/>
      <c r="S6" s="85"/>
      <c r="T6" s="85"/>
      <c r="U6" s="85"/>
      <c r="V6" s="85"/>
      <c r="W6" s="85"/>
    </row>
    <row r="7" spans="1:23" ht="23.4" customHeight="1" x14ac:dyDescent="0.2">
      <c r="A7" s="93" t="s">
        <v>2</v>
      </c>
      <c r="B7" s="93"/>
      <c r="C7" s="93"/>
      <c r="D7" s="93"/>
      <c r="E7" s="93"/>
      <c r="F7" s="93"/>
      <c r="G7" s="93"/>
      <c r="H7" s="93"/>
      <c r="I7" s="93"/>
      <c r="J7" s="93"/>
      <c r="K7" s="93"/>
      <c r="L7" s="93"/>
      <c r="M7" s="93"/>
      <c r="N7" s="93"/>
      <c r="O7" s="93"/>
      <c r="P7" s="93"/>
      <c r="Q7" s="93"/>
      <c r="R7" s="93"/>
      <c r="S7" s="93"/>
      <c r="T7" s="93"/>
      <c r="U7" s="93"/>
      <c r="V7" s="93"/>
      <c r="W7" s="93"/>
    </row>
    <row r="9" spans="1:23" x14ac:dyDescent="0.2">
      <c r="A9" s="1" t="s">
        <v>3</v>
      </c>
    </row>
    <row r="10" spans="1:23" ht="18.600000000000001" customHeight="1" x14ac:dyDescent="0.2">
      <c r="A10" s="92" t="s">
        <v>4</v>
      </c>
      <c r="B10" s="92"/>
      <c r="C10" s="92"/>
      <c r="D10" s="92"/>
      <c r="E10" s="92" t="s">
        <v>26</v>
      </c>
      <c r="F10" s="92"/>
      <c r="G10" s="92"/>
      <c r="H10" s="92"/>
      <c r="I10" s="92"/>
      <c r="J10" s="92"/>
      <c r="K10" s="92"/>
      <c r="L10" s="92"/>
      <c r="M10" s="92"/>
      <c r="N10" s="92"/>
      <c r="O10" s="92"/>
      <c r="P10" s="92"/>
      <c r="Q10" s="92"/>
      <c r="R10" s="92"/>
      <c r="S10" s="92"/>
      <c r="T10" s="92"/>
      <c r="U10" s="92"/>
      <c r="V10" s="92"/>
      <c r="W10" s="92"/>
    </row>
    <row r="11" spans="1:23" ht="18.600000000000001" customHeight="1" x14ac:dyDescent="0.2">
      <c r="A11" s="87" t="s">
        <v>24</v>
      </c>
      <c r="B11" s="87"/>
      <c r="C11" s="87"/>
      <c r="D11" s="87"/>
      <c r="E11" s="87" t="s">
        <v>24</v>
      </c>
      <c r="F11" s="87"/>
      <c r="G11" s="87"/>
      <c r="H11" s="87"/>
      <c r="I11" s="87" t="s">
        <v>24</v>
      </c>
      <c r="J11" s="87"/>
      <c r="K11" s="87"/>
      <c r="L11" s="87" t="s">
        <v>24</v>
      </c>
      <c r="M11" s="87"/>
      <c r="N11" s="87"/>
      <c r="O11" s="87" t="s">
        <v>24</v>
      </c>
      <c r="P11" s="87"/>
      <c r="Q11" s="87"/>
      <c r="R11" s="88" t="s">
        <v>24</v>
      </c>
      <c r="S11" s="88"/>
      <c r="T11" s="88"/>
      <c r="U11" s="88" t="s">
        <v>24</v>
      </c>
      <c r="V11" s="88"/>
      <c r="W11" s="88"/>
    </row>
    <row r="12" spans="1:23" ht="48" customHeight="1" x14ac:dyDescent="0.2">
      <c r="A12" s="86"/>
      <c r="B12" s="86"/>
      <c r="C12" s="86"/>
      <c r="D12" s="86"/>
      <c r="E12" s="86"/>
      <c r="F12" s="86"/>
      <c r="G12" s="86"/>
      <c r="H12" s="86"/>
      <c r="I12" s="86"/>
      <c r="J12" s="86"/>
      <c r="K12" s="86"/>
      <c r="L12" s="86"/>
      <c r="M12" s="86"/>
      <c r="N12" s="86"/>
      <c r="O12" s="86"/>
      <c r="P12" s="86"/>
      <c r="Q12" s="86"/>
      <c r="R12" s="86"/>
      <c r="S12" s="86"/>
      <c r="T12" s="86"/>
      <c r="U12" s="86"/>
      <c r="V12" s="86"/>
      <c r="W12" s="86"/>
    </row>
    <row r="14" spans="1:23" x14ac:dyDescent="0.2">
      <c r="A14" s="1" t="s">
        <v>5</v>
      </c>
    </row>
    <row r="15" spans="1:23" x14ac:dyDescent="0.2">
      <c r="A15" s="1" t="s">
        <v>6</v>
      </c>
      <c r="W15" s="3" t="s">
        <v>33</v>
      </c>
    </row>
    <row r="16" spans="1:23" ht="43.2" customHeight="1" x14ac:dyDescent="0.2">
      <c r="A16" s="23" t="s">
        <v>7</v>
      </c>
      <c r="B16" s="24"/>
      <c r="C16" s="25"/>
      <c r="D16" s="20" t="s">
        <v>23</v>
      </c>
      <c r="E16" s="21"/>
      <c r="F16" s="21"/>
      <c r="G16" s="22"/>
      <c r="H16" s="20" t="s">
        <v>23</v>
      </c>
      <c r="I16" s="21"/>
      <c r="J16" s="21"/>
      <c r="K16" s="22"/>
      <c r="L16" s="20" t="s">
        <v>23</v>
      </c>
      <c r="M16" s="21"/>
      <c r="N16" s="21"/>
      <c r="O16" s="22"/>
      <c r="P16" s="20" t="s">
        <v>23</v>
      </c>
      <c r="Q16" s="21"/>
      <c r="R16" s="21"/>
      <c r="S16" s="22"/>
      <c r="T16" s="20" t="s">
        <v>23</v>
      </c>
      <c r="U16" s="21"/>
      <c r="V16" s="21"/>
      <c r="W16" s="22"/>
    </row>
    <row r="17" spans="1:23" ht="24" customHeight="1" x14ac:dyDescent="0.2">
      <c r="A17" s="4"/>
      <c r="B17" s="5"/>
      <c r="C17" s="6" t="s">
        <v>9</v>
      </c>
      <c r="D17" s="83" t="s">
        <v>25</v>
      </c>
      <c r="E17" s="84"/>
      <c r="F17" s="16" t="s">
        <v>17</v>
      </c>
      <c r="G17" s="17"/>
      <c r="H17" s="83" t="s">
        <v>25</v>
      </c>
      <c r="I17" s="84"/>
      <c r="J17" s="16" t="s">
        <v>17</v>
      </c>
      <c r="K17" s="17"/>
      <c r="L17" s="83" t="s">
        <v>25</v>
      </c>
      <c r="M17" s="84"/>
      <c r="N17" s="16" t="s">
        <v>17</v>
      </c>
      <c r="O17" s="17"/>
      <c r="P17" s="83" t="s">
        <v>25</v>
      </c>
      <c r="Q17" s="84"/>
      <c r="R17" s="16" t="s">
        <v>17</v>
      </c>
      <c r="S17" s="17"/>
      <c r="T17" s="83" t="s">
        <v>25</v>
      </c>
      <c r="U17" s="84"/>
      <c r="V17" s="16" t="s">
        <v>17</v>
      </c>
      <c r="W17" s="17"/>
    </row>
    <row r="18" spans="1:23" ht="24" customHeight="1" x14ac:dyDescent="0.2">
      <c r="A18" s="7" t="s">
        <v>10</v>
      </c>
      <c r="B18" s="8"/>
      <c r="C18" s="9"/>
      <c r="D18" s="89" t="s">
        <v>22</v>
      </c>
      <c r="E18" s="90"/>
      <c r="F18" s="18"/>
      <c r="G18" s="19"/>
      <c r="H18" s="89" t="s">
        <v>22</v>
      </c>
      <c r="I18" s="90"/>
      <c r="J18" s="18"/>
      <c r="K18" s="19"/>
      <c r="L18" s="89" t="s">
        <v>22</v>
      </c>
      <c r="M18" s="90"/>
      <c r="N18" s="18"/>
      <c r="O18" s="19"/>
      <c r="P18" s="89" t="s">
        <v>22</v>
      </c>
      <c r="Q18" s="90"/>
      <c r="R18" s="18"/>
      <c r="S18" s="19"/>
      <c r="T18" s="89" t="s">
        <v>22</v>
      </c>
      <c r="U18" s="90"/>
      <c r="V18" s="18"/>
      <c r="W18" s="19"/>
    </row>
    <row r="19" spans="1:23" ht="24" customHeight="1" x14ac:dyDescent="0.2">
      <c r="A19" s="26" t="s">
        <v>11</v>
      </c>
      <c r="B19" s="23" t="s">
        <v>12</v>
      </c>
      <c r="C19" s="25"/>
      <c r="D19" s="34"/>
      <c r="E19" s="35"/>
      <c r="F19" s="36"/>
      <c r="G19" s="37"/>
      <c r="H19" s="34"/>
      <c r="I19" s="35"/>
      <c r="J19" s="36"/>
      <c r="K19" s="37"/>
      <c r="L19" s="34"/>
      <c r="M19" s="35"/>
      <c r="N19" s="36"/>
      <c r="O19" s="37"/>
      <c r="P19" s="34"/>
      <c r="Q19" s="35"/>
      <c r="R19" s="36"/>
      <c r="S19" s="37"/>
      <c r="T19" s="34"/>
      <c r="U19" s="35"/>
      <c r="V19" s="36"/>
      <c r="W19" s="37"/>
    </row>
    <row r="20" spans="1:23" ht="24" customHeight="1" x14ac:dyDescent="0.2">
      <c r="A20" s="27"/>
      <c r="B20" s="23"/>
      <c r="C20" s="25"/>
      <c r="D20" s="59"/>
      <c r="E20" s="60"/>
      <c r="F20" s="38"/>
      <c r="G20" s="39"/>
      <c r="H20" s="59"/>
      <c r="I20" s="60"/>
      <c r="J20" s="38"/>
      <c r="K20" s="39"/>
      <c r="L20" s="59"/>
      <c r="M20" s="60"/>
      <c r="N20" s="38"/>
      <c r="O20" s="39"/>
      <c r="P20" s="59"/>
      <c r="Q20" s="60"/>
      <c r="R20" s="38"/>
      <c r="S20" s="39"/>
      <c r="T20" s="59"/>
      <c r="U20" s="60"/>
      <c r="V20" s="38"/>
      <c r="W20" s="39"/>
    </row>
    <row r="21" spans="1:23" ht="48" customHeight="1" x14ac:dyDescent="0.2">
      <c r="A21" s="27"/>
      <c r="B21" s="32" t="s">
        <v>27</v>
      </c>
      <c r="C21" s="33"/>
      <c r="D21" s="69"/>
      <c r="E21" s="70"/>
      <c r="F21" s="71"/>
      <c r="G21" s="72"/>
      <c r="H21" s="69"/>
      <c r="I21" s="70"/>
      <c r="J21" s="71"/>
      <c r="K21" s="72"/>
      <c r="L21" s="69"/>
      <c r="M21" s="70"/>
      <c r="N21" s="71"/>
      <c r="O21" s="72"/>
      <c r="P21" s="69"/>
      <c r="Q21" s="70"/>
      <c r="R21" s="71"/>
      <c r="S21" s="72"/>
      <c r="T21" s="69"/>
      <c r="U21" s="70"/>
      <c r="V21" s="71"/>
      <c r="W21" s="72"/>
    </row>
    <row r="22" spans="1:23" ht="24" customHeight="1" x14ac:dyDescent="0.2">
      <c r="A22" s="27"/>
      <c r="B22" s="32" t="s">
        <v>39</v>
      </c>
      <c r="C22" s="25"/>
      <c r="D22" s="34"/>
      <c r="E22" s="35"/>
      <c r="F22" s="36"/>
      <c r="G22" s="37"/>
      <c r="H22" s="34"/>
      <c r="I22" s="35"/>
      <c r="J22" s="36"/>
      <c r="K22" s="37"/>
      <c r="L22" s="34"/>
      <c r="M22" s="35"/>
      <c r="N22" s="36"/>
      <c r="O22" s="37"/>
      <c r="P22" s="34"/>
      <c r="Q22" s="35"/>
      <c r="R22" s="36"/>
      <c r="S22" s="37"/>
      <c r="T22" s="34"/>
      <c r="U22" s="35"/>
      <c r="V22" s="36"/>
      <c r="W22" s="37"/>
    </row>
    <row r="23" spans="1:23" ht="24" customHeight="1" x14ac:dyDescent="0.2">
      <c r="A23" s="28"/>
      <c r="B23" s="23"/>
      <c r="C23" s="25"/>
      <c r="D23" s="59"/>
      <c r="E23" s="60"/>
      <c r="F23" s="38"/>
      <c r="G23" s="39"/>
      <c r="H23" s="59"/>
      <c r="I23" s="60"/>
      <c r="J23" s="38"/>
      <c r="K23" s="39"/>
      <c r="L23" s="59"/>
      <c r="M23" s="60"/>
      <c r="N23" s="38"/>
      <c r="O23" s="39"/>
      <c r="P23" s="59"/>
      <c r="Q23" s="60"/>
      <c r="R23" s="38"/>
      <c r="S23" s="39"/>
      <c r="T23" s="59"/>
      <c r="U23" s="60"/>
      <c r="V23" s="38"/>
      <c r="W23" s="39"/>
    </row>
    <row r="24" spans="1:23" ht="24" customHeight="1" x14ac:dyDescent="0.2">
      <c r="A24" s="26" t="s">
        <v>14</v>
      </c>
      <c r="B24" s="23" t="s">
        <v>12</v>
      </c>
      <c r="C24" s="25"/>
      <c r="D24" s="34"/>
      <c r="E24" s="35"/>
      <c r="F24" s="36"/>
      <c r="G24" s="37"/>
      <c r="H24" s="34"/>
      <c r="I24" s="35"/>
      <c r="J24" s="36"/>
      <c r="K24" s="37"/>
      <c r="L24" s="34"/>
      <c r="M24" s="35"/>
      <c r="N24" s="36"/>
      <c r="O24" s="37"/>
      <c r="P24" s="34"/>
      <c r="Q24" s="35"/>
      <c r="R24" s="36"/>
      <c r="S24" s="37"/>
      <c r="T24" s="34"/>
      <c r="U24" s="35"/>
      <c r="V24" s="36"/>
      <c r="W24" s="37"/>
    </row>
    <row r="25" spans="1:23" ht="24" customHeight="1" x14ac:dyDescent="0.2">
      <c r="A25" s="27"/>
      <c r="B25" s="23"/>
      <c r="C25" s="25"/>
      <c r="D25" s="59"/>
      <c r="E25" s="60"/>
      <c r="F25" s="38"/>
      <c r="G25" s="39"/>
      <c r="H25" s="59"/>
      <c r="I25" s="60"/>
      <c r="J25" s="38"/>
      <c r="K25" s="39"/>
      <c r="L25" s="59"/>
      <c r="M25" s="60"/>
      <c r="N25" s="38"/>
      <c r="O25" s="39"/>
      <c r="P25" s="59"/>
      <c r="Q25" s="60"/>
      <c r="R25" s="38"/>
      <c r="S25" s="39"/>
      <c r="T25" s="59"/>
      <c r="U25" s="60"/>
      <c r="V25" s="38"/>
      <c r="W25" s="39"/>
    </row>
    <row r="26" spans="1:23" ht="48" customHeight="1" x14ac:dyDescent="0.2">
      <c r="A26" s="27"/>
      <c r="B26" s="32" t="s">
        <v>27</v>
      </c>
      <c r="C26" s="33"/>
      <c r="D26" s="69"/>
      <c r="E26" s="70"/>
      <c r="F26" s="71"/>
      <c r="G26" s="72"/>
      <c r="H26" s="69"/>
      <c r="I26" s="70"/>
      <c r="J26" s="71"/>
      <c r="K26" s="72"/>
      <c r="L26" s="69"/>
      <c r="M26" s="70"/>
      <c r="N26" s="71"/>
      <c r="O26" s="72"/>
      <c r="P26" s="69"/>
      <c r="Q26" s="70"/>
      <c r="R26" s="71"/>
      <c r="S26" s="72"/>
      <c r="T26" s="69"/>
      <c r="U26" s="70"/>
      <c r="V26" s="71"/>
      <c r="W26" s="72"/>
    </row>
    <row r="27" spans="1:23" ht="24" customHeight="1" x14ac:dyDescent="0.2">
      <c r="A27" s="27"/>
      <c r="B27" s="32" t="s">
        <v>39</v>
      </c>
      <c r="C27" s="25"/>
      <c r="D27" s="34"/>
      <c r="E27" s="35"/>
      <c r="F27" s="36"/>
      <c r="G27" s="37"/>
      <c r="H27" s="34"/>
      <c r="I27" s="35"/>
      <c r="J27" s="36"/>
      <c r="K27" s="37"/>
      <c r="L27" s="34"/>
      <c r="M27" s="35"/>
      <c r="N27" s="36"/>
      <c r="O27" s="37"/>
      <c r="P27" s="34"/>
      <c r="Q27" s="35"/>
      <c r="R27" s="36"/>
      <c r="S27" s="37"/>
      <c r="T27" s="34"/>
      <c r="U27" s="35"/>
      <c r="V27" s="36"/>
      <c r="W27" s="37"/>
    </row>
    <row r="28" spans="1:23" ht="24" customHeight="1" x14ac:dyDescent="0.2">
      <c r="A28" s="28"/>
      <c r="B28" s="23"/>
      <c r="C28" s="25"/>
      <c r="D28" s="59"/>
      <c r="E28" s="60"/>
      <c r="F28" s="38"/>
      <c r="G28" s="39"/>
      <c r="H28" s="59"/>
      <c r="I28" s="60"/>
      <c r="J28" s="38"/>
      <c r="K28" s="39"/>
      <c r="L28" s="59"/>
      <c r="M28" s="60"/>
      <c r="N28" s="38"/>
      <c r="O28" s="39"/>
      <c r="P28" s="59"/>
      <c r="Q28" s="60"/>
      <c r="R28" s="38"/>
      <c r="S28" s="39"/>
      <c r="T28" s="59"/>
      <c r="U28" s="60"/>
      <c r="V28" s="38"/>
      <c r="W28" s="39"/>
    </row>
    <row r="29" spans="1:23" ht="24" customHeight="1" x14ac:dyDescent="0.2">
      <c r="A29" s="29" t="s">
        <v>34</v>
      </c>
      <c r="B29" s="23" t="s">
        <v>12</v>
      </c>
      <c r="C29" s="25"/>
      <c r="D29" s="34"/>
      <c r="E29" s="35"/>
      <c r="F29" s="36"/>
      <c r="G29" s="37"/>
      <c r="H29" s="34"/>
      <c r="I29" s="35"/>
      <c r="J29" s="36"/>
      <c r="K29" s="37"/>
      <c r="L29" s="34"/>
      <c r="M29" s="35"/>
      <c r="N29" s="36"/>
      <c r="O29" s="37"/>
      <c r="P29" s="34"/>
      <c r="Q29" s="35"/>
      <c r="R29" s="36"/>
      <c r="S29" s="37"/>
      <c r="T29" s="34"/>
      <c r="U29" s="35"/>
      <c r="V29" s="36"/>
      <c r="W29" s="37"/>
    </row>
    <row r="30" spans="1:23" ht="24" customHeight="1" x14ac:dyDescent="0.2">
      <c r="A30" s="30"/>
      <c r="B30" s="23"/>
      <c r="C30" s="25"/>
      <c r="D30" s="59"/>
      <c r="E30" s="60"/>
      <c r="F30" s="38"/>
      <c r="G30" s="39"/>
      <c r="H30" s="59"/>
      <c r="I30" s="60"/>
      <c r="J30" s="38"/>
      <c r="K30" s="39"/>
      <c r="L30" s="59"/>
      <c r="M30" s="60"/>
      <c r="N30" s="38"/>
      <c r="O30" s="39"/>
      <c r="P30" s="59"/>
      <c r="Q30" s="60"/>
      <c r="R30" s="38"/>
      <c r="S30" s="39"/>
      <c r="T30" s="59"/>
      <c r="U30" s="60"/>
      <c r="V30" s="38"/>
      <c r="W30" s="39"/>
    </row>
    <row r="31" spans="1:23" ht="48" customHeight="1" x14ac:dyDescent="0.2">
      <c r="A31" s="30"/>
      <c r="B31" s="32" t="s">
        <v>13</v>
      </c>
      <c r="C31" s="33"/>
      <c r="D31" s="69"/>
      <c r="E31" s="70"/>
      <c r="F31" s="71"/>
      <c r="G31" s="72"/>
      <c r="H31" s="69"/>
      <c r="I31" s="70"/>
      <c r="J31" s="71"/>
      <c r="K31" s="72"/>
      <c r="L31" s="69"/>
      <c r="M31" s="70"/>
      <c r="N31" s="71"/>
      <c r="O31" s="72"/>
      <c r="P31" s="69"/>
      <c r="Q31" s="70"/>
      <c r="R31" s="71"/>
      <c r="S31" s="72"/>
      <c r="T31" s="69"/>
      <c r="U31" s="70"/>
      <c r="V31" s="71"/>
      <c r="W31" s="72"/>
    </row>
    <row r="32" spans="1:23" ht="24" customHeight="1" x14ac:dyDescent="0.2">
      <c r="A32" s="30"/>
      <c r="B32" s="32" t="s">
        <v>39</v>
      </c>
      <c r="C32" s="25"/>
      <c r="D32" s="34"/>
      <c r="E32" s="35"/>
      <c r="F32" s="36"/>
      <c r="G32" s="37"/>
      <c r="H32" s="34"/>
      <c r="I32" s="35"/>
      <c r="J32" s="36"/>
      <c r="K32" s="37"/>
      <c r="L32" s="34"/>
      <c r="M32" s="35"/>
      <c r="N32" s="36"/>
      <c r="O32" s="37"/>
      <c r="P32" s="34"/>
      <c r="Q32" s="35"/>
      <c r="R32" s="36"/>
      <c r="S32" s="37"/>
      <c r="T32" s="34"/>
      <c r="U32" s="35"/>
      <c r="V32" s="36"/>
      <c r="W32" s="37"/>
    </row>
    <row r="33" spans="1:23" ht="24" customHeight="1" thickBot="1" x14ac:dyDescent="0.25">
      <c r="A33" s="30"/>
      <c r="B33" s="23"/>
      <c r="C33" s="25"/>
      <c r="D33" s="81"/>
      <c r="E33" s="82"/>
      <c r="F33" s="73"/>
      <c r="G33" s="74"/>
      <c r="H33" s="81"/>
      <c r="I33" s="82"/>
      <c r="J33" s="73"/>
      <c r="K33" s="74"/>
      <c r="L33" s="81"/>
      <c r="M33" s="82"/>
      <c r="N33" s="73"/>
      <c r="O33" s="74"/>
      <c r="P33" s="81"/>
      <c r="Q33" s="82"/>
      <c r="R33" s="73"/>
      <c r="S33" s="74"/>
      <c r="T33" s="81"/>
      <c r="U33" s="82"/>
      <c r="V33" s="73"/>
      <c r="W33" s="74"/>
    </row>
    <row r="34" spans="1:23" ht="24" customHeight="1" thickTop="1" x14ac:dyDescent="0.2">
      <c r="A34" s="31" t="s">
        <v>15</v>
      </c>
      <c r="B34" s="67" t="s">
        <v>12</v>
      </c>
      <c r="C34" s="68"/>
      <c r="D34" s="55">
        <f>D19+D24+D29</f>
        <v>0</v>
      </c>
      <c r="E34" s="56"/>
      <c r="F34" s="51">
        <f>F19+F24+F29</f>
        <v>0</v>
      </c>
      <c r="G34" s="52"/>
      <c r="H34" s="55">
        <f>H19+H24+H29</f>
        <v>0</v>
      </c>
      <c r="I34" s="56"/>
      <c r="J34" s="51">
        <f>J19+J24+J29</f>
        <v>0</v>
      </c>
      <c r="K34" s="52"/>
      <c r="L34" s="55">
        <f>L19+L24+L29</f>
        <v>0</v>
      </c>
      <c r="M34" s="56"/>
      <c r="N34" s="51">
        <f>N19+N24+N29</f>
        <v>0</v>
      </c>
      <c r="O34" s="52"/>
      <c r="P34" s="55">
        <f>P19+P24+P29</f>
        <v>0</v>
      </c>
      <c r="Q34" s="56"/>
      <c r="R34" s="51">
        <f>R19+R24+R29</f>
        <v>0</v>
      </c>
      <c r="S34" s="52"/>
      <c r="T34" s="55">
        <f>T19+T24+T29</f>
        <v>0</v>
      </c>
      <c r="U34" s="56"/>
      <c r="V34" s="51">
        <f>V19+V24+V29</f>
        <v>0</v>
      </c>
      <c r="W34" s="52"/>
    </row>
    <row r="35" spans="1:23" ht="24" customHeight="1" x14ac:dyDescent="0.2">
      <c r="A35" s="27"/>
      <c r="B35" s="23"/>
      <c r="C35" s="25"/>
      <c r="D35" s="57">
        <f t="shared" ref="D35:D38" si="0">D20+D25+D30</f>
        <v>0</v>
      </c>
      <c r="E35" s="58"/>
      <c r="F35" s="53"/>
      <c r="G35" s="54"/>
      <c r="H35" s="57">
        <f t="shared" ref="H35:H38" si="1">H20+H25+H30</f>
        <v>0</v>
      </c>
      <c r="I35" s="58"/>
      <c r="J35" s="53"/>
      <c r="K35" s="54"/>
      <c r="L35" s="57">
        <f t="shared" ref="L35:L38" si="2">L20+L25+L30</f>
        <v>0</v>
      </c>
      <c r="M35" s="58"/>
      <c r="N35" s="53"/>
      <c r="O35" s="54"/>
      <c r="P35" s="57">
        <f t="shared" ref="P35:P38" si="3">P20+P25+P30</f>
        <v>0</v>
      </c>
      <c r="Q35" s="58"/>
      <c r="R35" s="53"/>
      <c r="S35" s="54"/>
      <c r="T35" s="57">
        <f t="shared" ref="T35:T38" si="4">T20+T25+T30</f>
        <v>0</v>
      </c>
      <c r="U35" s="58"/>
      <c r="V35" s="53"/>
      <c r="W35" s="54"/>
    </row>
    <row r="36" spans="1:23" ht="48" customHeight="1" x14ac:dyDescent="0.2">
      <c r="A36" s="27"/>
      <c r="B36" s="32" t="s">
        <v>27</v>
      </c>
      <c r="C36" s="33"/>
      <c r="D36" s="77">
        <f t="shared" si="0"/>
        <v>0</v>
      </c>
      <c r="E36" s="78"/>
      <c r="F36" s="71"/>
      <c r="G36" s="72"/>
      <c r="H36" s="77">
        <f t="shared" si="1"/>
        <v>0</v>
      </c>
      <c r="I36" s="78"/>
      <c r="J36" s="71"/>
      <c r="K36" s="72"/>
      <c r="L36" s="77">
        <f t="shared" si="2"/>
        <v>0</v>
      </c>
      <c r="M36" s="78"/>
      <c r="N36" s="71"/>
      <c r="O36" s="72"/>
      <c r="P36" s="77">
        <f t="shared" si="3"/>
        <v>0</v>
      </c>
      <c r="Q36" s="78"/>
      <c r="R36" s="71"/>
      <c r="S36" s="72"/>
      <c r="T36" s="77">
        <f t="shared" si="4"/>
        <v>0</v>
      </c>
      <c r="U36" s="78"/>
      <c r="V36" s="71"/>
      <c r="W36" s="72"/>
    </row>
    <row r="37" spans="1:23" ht="24" customHeight="1" x14ac:dyDescent="0.2">
      <c r="A37" s="27"/>
      <c r="B37" s="32" t="s">
        <v>39</v>
      </c>
      <c r="C37" s="25"/>
      <c r="D37" s="75">
        <f t="shared" si="0"/>
        <v>0</v>
      </c>
      <c r="E37" s="76"/>
      <c r="F37" s="79">
        <f>F22+F27+F32</f>
        <v>0</v>
      </c>
      <c r="G37" s="80"/>
      <c r="H37" s="75">
        <f t="shared" si="1"/>
        <v>0</v>
      </c>
      <c r="I37" s="76"/>
      <c r="J37" s="79">
        <f>J22+J27+J32</f>
        <v>0</v>
      </c>
      <c r="K37" s="80"/>
      <c r="L37" s="75">
        <f t="shared" si="2"/>
        <v>0</v>
      </c>
      <c r="M37" s="76"/>
      <c r="N37" s="79">
        <f>N22+N27+N32</f>
        <v>0</v>
      </c>
      <c r="O37" s="80"/>
      <c r="P37" s="75">
        <f t="shared" si="3"/>
        <v>0</v>
      </c>
      <c r="Q37" s="76"/>
      <c r="R37" s="79">
        <f>R22+R27+R32</f>
        <v>0</v>
      </c>
      <c r="S37" s="80"/>
      <c r="T37" s="75">
        <f t="shared" si="4"/>
        <v>0</v>
      </c>
      <c r="U37" s="76"/>
      <c r="V37" s="79">
        <f>V22+V27+V32</f>
        <v>0</v>
      </c>
      <c r="W37" s="80"/>
    </row>
    <row r="38" spans="1:23" ht="24" customHeight="1" x14ac:dyDescent="0.2">
      <c r="A38" s="28"/>
      <c r="B38" s="23"/>
      <c r="C38" s="25"/>
      <c r="D38" s="57">
        <f t="shared" si="0"/>
        <v>0</v>
      </c>
      <c r="E38" s="58"/>
      <c r="F38" s="53"/>
      <c r="G38" s="54"/>
      <c r="H38" s="57">
        <f t="shared" si="1"/>
        <v>0</v>
      </c>
      <c r="I38" s="58"/>
      <c r="J38" s="53"/>
      <c r="K38" s="54"/>
      <c r="L38" s="57">
        <f t="shared" si="2"/>
        <v>0</v>
      </c>
      <c r="M38" s="58"/>
      <c r="N38" s="53"/>
      <c r="O38" s="54"/>
      <c r="P38" s="57">
        <f t="shared" si="3"/>
        <v>0</v>
      </c>
      <c r="Q38" s="58"/>
      <c r="R38" s="53"/>
      <c r="S38" s="54"/>
      <c r="T38" s="57">
        <f t="shared" si="4"/>
        <v>0</v>
      </c>
      <c r="U38" s="58"/>
      <c r="V38" s="53"/>
      <c r="W38" s="54"/>
    </row>
    <row r="39" spans="1:23" ht="18" customHeight="1" x14ac:dyDescent="0.2">
      <c r="A39" s="85" t="s">
        <v>19</v>
      </c>
      <c r="B39" s="85"/>
      <c r="C39" s="85"/>
      <c r="D39" s="85"/>
      <c r="E39" s="85"/>
      <c r="F39" s="85"/>
      <c r="G39" s="85"/>
      <c r="H39" s="85"/>
      <c r="I39" s="85"/>
      <c r="J39" s="85"/>
      <c r="K39" s="85"/>
      <c r="L39" s="85"/>
      <c r="M39" s="85"/>
      <c r="N39" s="85"/>
      <c r="O39" s="85"/>
      <c r="P39" s="85"/>
      <c r="Q39" s="85"/>
      <c r="R39" s="85"/>
      <c r="S39" s="85"/>
      <c r="T39" s="85"/>
      <c r="U39" s="85"/>
      <c r="V39" s="85"/>
      <c r="W39" s="85"/>
    </row>
    <row r="40" spans="1:23" x14ac:dyDescent="0.2">
      <c r="A40" s="1" t="s">
        <v>18</v>
      </c>
    </row>
    <row r="41" spans="1:23" ht="31.2" customHeight="1" x14ac:dyDescent="0.2">
      <c r="A41" s="10"/>
      <c r="B41" s="11"/>
      <c r="C41" s="6" t="s">
        <v>7</v>
      </c>
      <c r="D41" s="61" t="str">
        <f>D16</f>
        <v>　　年　月　日から
　　年　月　日まで
の１年間</v>
      </c>
      <c r="E41" s="62"/>
      <c r="F41" s="62"/>
      <c r="G41" s="63"/>
      <c r="H41" s="61" t="str">
        <f t="shared" ref="H41" si="5">H16</f>
        <v>　　年　月　日から
　　年　月　日まで
の１年間</v>
      </c>
      <c r="I41" s="62"/>
      <c r="J41" s="62"/>
      <c r="K41" s="63"/>
      <c r="L41" s="61" t="str">
        <f t="shared" ref="L41" si="6">L16</f>
        <v>　　年　月　日から
　　年　月　日まで
の１年間</v>
      </c>
      <c r="M41" s="62"/>
      <c r="N41" s="62"/>
      <c r="O41" s="63"/>
      <c r="P41" s="61" t="str">
        <f t="shared" ref="P41" si="7">P16</f>
        <v>　　年　月　日から
　　年　月　日まで
の１年間</v>
      </c>
      <c r="Q41" s="62"/>
      <c r="R41" s="62"/>
      <c r="S41" s="63"/>
      <c r="T41" s="61" t="str">
        <f t="shared" ref="T41" si="8">T16</f>
        <v>　　年　月　日から
　　年　月　日まで
の１年間</v>
      </c>
      <c r="U41" s="62"/>
      <c r="V41" s="62"/>
      <c r="W41" s="63"/>
    </row>
    <row r="42" spans="1:23" x14ac:dyDescent="0.2">
      <c r="A42" s="7" t="s">
        <v>9</v>
      </c>
      <c r="B42" s="8"/>
      <c r="C42" s="9"/>
      <c r="D42" s="64"/>
      <c r="E42" s="65"/>
      <c r="F42" s="65"/>
      <c r="G42" s="66"/>
      <c r="H42" s="64"/>
      <c r="I42" s="65"/>
      <c r="J42" s="65"/>
      <c r="K42" s="66"/>
      <c r="L42" s="64"/>
      <c r="M42" s="65"/>
      <c r="N42" s="65"/>
      <c r="O42" s="66"/>
      <c r="P42" s="64"/>
      <c r="Q42" s="65"/>
      <c r="R42" s="65"/>
      <c r="S42" s="66"/>
      <c r="T42" s="64"/>
      <c r="U42" s="65"/>
      <c r="V42" s="65"/>
      <c r="W42" s="66"/>
    </row>
    <row r="43" spans="1:23" ht="31.8" customHeight="1" x14ac:dyDescent="0.2">
      <c r="A43" s="48" t="s">
        <v>20</v>
      </c>
      <c r="B43" s="26" t="s">
        <v>11</v>
      </c>
      <c r="C43" s="12" t="s">
        <v>12</v>
      </c>
      <c r="D43" s="42"/>
      <c r="E43" s="43"/>
      <c r="F43" s="43"/>
      <c r="G43" s="44"/>
      <c r="H43" s="42"/>
      <c r="I43" s="43"/>
      <c r="J43" s="43"/>
      <c r="K43" s="44"/>
      <c r="L43" s="42"/>
      <c r="M43" s="43"/>
      <c r="N43" s="43"/>
      <c r="O43" s="44"/>
      <c r="P43" s="42"/>
      <c r="Q43" s="43"/>
      <c r="R43" s="43"/>
      <c r="S43" s="44"/>
      <c r="T43" s="42"/>
      <c r="U43" s="43"/>
      <c r="V43" s="43"/>
      <c r="W43" s="44"/>
    </row>
    <row r="44" spans="1:23" ht="31.8" customHeight="1" x14ac:dyDescent="0.2">
      <c r="A44" s="49"/>
      <c r="B44" s="27"/>
      <c r="C44" s="13" t="s">
        <v>27</v>
      </c>
      <c r="D44" s="45"/>
      <c r="E44" s="46"/>
      <c r="F44" s="46"/>
      <c r="G44" s="47"/>
      <c r="H44" s="45"/>
      <c r="I44" s="46"/>
      <c r="J44" s="46"/>
      <c r="K44" s="47"/>
      <c r="L44" s="45"/>
      <c r="M44" s="46"/>
      <c r="N44" s="46"/>
      <c r="O44" s="47"/>
      <c r="P44" s="45"/>
      <c r="Q44" s="46"/>
      <c r="R44" s="46"/>
      <c r="S44" s="47"/>
      <c r="T44" s="45"/>
      <c r="U44" s="46"/>
      <c r="V44" s="46"/>
      <c r="W44" s="47"/>
    </row>
    <row r="45" spans="1:23" ht="31.8" customHeight="1" x14ac:dyDescent="0.2">
      <c r="A45" s="49"/>
      <c r="B45" s="26" t="s">
        <v>14</v>
      </c>
      <c r="C45" s="12" t="s">
        <v>12</v>
      </c>
      <c r="D45" s="42"/>
      <c r="E45" s="43"/>
      <c r="F45" s="43"/>
      <c r="G45" s="44"/>
      <c r="H45" s="42"/>
      <c r="I45" s="43"/>
      <c r="J45" s="43"/>
      <c r="K45" s="44"/>
      <c r="L45" s="42"/>
      <c r="M45" s="43"/>
      <c r="N45" s="43"/>
      <c r="O45" s="44"/>
      <c r="P45" s="42"/>
      <c r="Q45" s="43"/>
      <c r="R45" s="43"/>
      <c r="S45" s="44"/>
      <c r="T45" s="42"/>
      <c r="U45" s="43"/>
      <c r="V45" s="43"/>
      <c r="W45" s="44"/>
    </row>
    <row r="46" spans="1:23" ht="31.8" customHeight="1" x14ac:dyDescent="0.2">
      <c r="A46" s="49"/>
      <c r="B46" s="27"/>
      <c r="C46" s="13" t="s">
        <v>27</v>
      </c>
      <c r="D46" s="45"/>
      <c r="E46" s="46"/>
      <c r="F46" s="46"/>
      <c r="G46" s="47"/>
      <c r="H46" s="45"/>
      <c r="I46" s="46"/>
      <c r="J46" s="46"/>
      <c r="K46" s="47"/>
      <c r="L46" s="45"/>
      <c r="M46" s="46"/>
      <c r="N46" s="46"/>
      <c r="O46" s="47"/>
      <c r="P46" s="45"/>
      <c r="Q46" s="46"/>
      <c r="R46" s="46"/>
      <c r="S46" s="47"/>
      <c r="T46" s="45"/>
      <c r="U46" s="46"/>
      <c r="V46" s="46"/>
      <c r="W46" s="47"/>
    </row>
    <row r="47" spans="1:23" ht="31.8" customHeight="1" x14ac:dyDescent="0.2">
      <c r="A47" s="49"/>
      <c r="B47" s="29" t="s">
        <v>16</v>
      </c>
      <c r="C47" s="12" t="s">
        <v>12</v>
      </c>
      <c r="D47" s="42"/>
      <c r="E47" s="43"/>
      <c r="F47" s="43"/>
      <c r="G47" s="44"/>
      <c r="H47" s="42"/>
      <c r="I47" s="43"/>
      <c r="J47" s="43"/>
      <c r="K47" s="44"/>
      <c r="L47" s="42"/>
      <c r="M47" s="43"/>
      <c r="N47" s="43"/>
      <c r="O47" s="44"/>
      <c r="P47" s="42"/>
      <c r="Q47" s="43"/>
      <c r="R47" s="43"/>
      <c r="S47" s="44"/>
      <c r="T47" s="42"/>
      <c r="U47" s="43"/>
      <c r="V47" s="43"/>
      <c r="W47" s="44"/>
    </row>
    <row r="48" spans="1:23" ht="31.8" customHeight="1" thickBot="1" x14ac:dyDescent="0.25">
      <c r="A48" s="49"/>
      <c r="B48" s="30"/>
      <c r="C48" s="14" t="s">
        <v>27</v>
      </c>
      <c r="D48" s="42"/>
      <c r="E48" s="43"/>
      <c r="F48" s="43"/>
      <c r="G48" s="44"/>
      <c r="H48" s="42"/>
      <c r="I48" s="43"/>
      <c r="J48" s="43"/>
      <c r="K48" s="44"/>
      <c r="L48" s="42"/>
      <c r="M48" s="43"/>
      <c r="N48" s="43"/>
      <c r="O48" s="44"/>
      <c r="P48" s="42"/>
      <c r="Q48" s="43"/>
      <c r="R48" s="43"/>
      <c r="S48" s="44"/>
      <c r="T48" s="42"/>
      <c r="U48" s="43"/>
      <c r="V48" s="43"/>
      <c r="W48" s="44"/>
    </row>
    <row r="49" spans="1:23" ht="31.8" customHeight="1" thickTop="1" x14ac:dyDescent="0.2">
      <c r="A49" s="49"/>
      <c r="B49" s="31" t="s">
        <v>15</v>
      </c>
      <c r="C49" s="15" t="s">
        <v>12</v>
      </c>
      <c r="D49" s="40">
        <f>D43+D45+D47</f>
        <v>0</v>
      </c>
      <c r="E49" s="40"/>
      <c r="F49" s="40"/>
      <c r="G49" s="40"/>
      <c r="H49" s="40">
        <f>H43+H45+H47</f>
        <v>0</v>
      </c>
      <c r="I49" s="40"/>
      <c r="J49" s="40"/>
      <c r="K49" s="40"/>
      <c r="L49" s="40">
        <f>L43+L45+L47</f>
        <v>0</v>
      </c>
      <c r="M49" s="40"/>
      <c r="N49" s="40"/>
      <c r="O49" s="40"/>
      <c r="P49" s="40">
        <f>P43+P45+P47</f>
        <v>0</v>
      </c>
      <c r="Q49" s="40"/>
      <c r="R49" s="40"/>
      <c r="S49" s="40"/>
      <c r="T49" s="40">
        <f>T43+T45+T47</f>
        <v>0</v>
      </c>
      <c r="U49" s="40"/>
      <c r="V49" s="40"/>
      <c r="W49" s="40"/>
    </row>
    <row r="50" spans="1:23" ht="31.8" customHeight="1" x14ac:dyDescent="0.2">
      <c r="A50" s="50"/>
      <c r="B50" s="28"/>
      <c r="C50" s="13" t="s">
        <v>27</v>
      </c>
      <c r="D50" s="41">
        <f>D44+D46+D48</f>
        <v>0</v>
      </c>
      <c r="E50" s="41"/>
      <c r="F50" s="41"/>
      <c r="G50" s="41"/>
      <c r="H50" s="41">
        <f>H44+H46+H48</f>
        <v>0</v>
      </c>
      <c r="I50" s="41"/>
      <c r="J50" s="41"/>
      <c r="K50" s="41"/>
      <c r="L50" s="41">
        <f>L44+L46+L48</f>
        <v>0</v>
      </c>
      <c r="M50" s="41"/>
      <c r="N50" s="41"/>
      <c r="O50" s="41"/>
      <c r="P50" s="41">
        <f>P44+P46+P48</f>
        <v>0</v>
      </c>
      <c r="Q50" s="41"/>
      <c r="R50" s="41"/>
      <c r="S50" s="41"/>
      <c r="T50" s="41">
        <f>T44+T46+T48</f>
        <v>0</v>
      </c>
      <c r="U50" s="41"/>
      <c r="V50" s="41"/>
      <c r="W50" s="41"/>
    </row>
    <row r="51" spans="1:23" ht="31.8" customHeight="1" x14ac:dyDescent="0.2">
      <c r="A51" s="48" t="s">
        <v>21</v>
      </c>
      <c r="B51" s="26" t="s">
        <v>11</v>
      </c>
      <c r="C51" s="12" t="s">
        <v>12</v>
      </c>
      <c r="D51" s="42"/>
      <c r="E51" s="43"/>
      <c r="F51" s="43"/>
      <c r="G51" s="44"/>
      <c r="H51" s="42"/>
      <c r="I51" s="43"/>
      <c r="J51" s="43"/>
      <c r="K51" s="44"/>
      <c r="L51" s="42"/>
      <c r="M51" s="43"/>
      <c r="N51" s="43"/>
      <c r="O51" s="44"/>
      <c r="P51" s="42"/>
      <c r="Q51" s="43"/>
      <c r="R51" s="43"/>
      <c r="S51" s="44"/>
      <c r="T51" s="42"/>
      <c r="U51" s="43"/>
      <c r="V51" s="43"/>
      <c r="W51" s="44"/>
    </row>
    <row r="52" spans="1:23" ht="31.8" customHeight="1" x14ac:dyDescent="0.2">
      <c r="A52" s="49"/>
      <c r="B52" s="27"/>
      <c r="C52" s="13" t="s">
        <v>27</v>
      </c>
      <c r="D52" s="45"/>
      <c r="E52" s="46"/>
      <c r="F52" s="46"/>
      <c r="G52" s="47"/>
      <c r="H52" s="45"/>
      <c r="I52" s="46"/>
      <c r="J52" s="46"/>
      <c r="K52" s="47"/>
      <c r="L52" s="45"/>
      <c r="M52" s="46"/>
      <c r="N52" s="46"/>
      <c r="O52" s="47"/>
      <c r="P52" s="45"/>
      <c r="Q52" s="46"/>
      <c r="R52" s="46"/>
      <c r="S52" s="47"/>
      <c r="T52" s="45"/>
      <c r="U52" s="46"/>
      <c r="V52" s="46"/>
      <c r="W52" s="47"/>
    </row>
    <row r="53" spans="1:23" ht="31.8" customHeight="1" x14ac:dyDescent="0.2">
      <c r="A53" s="49"/>
      <c r="B53" s="26" t="s">
        <v>14</v>
      </c>
      <c r="C53" s="12" t="s">
        <v>12</v>
      </c>
      <c r="D53" s="42"/>
      <c r="E53" s="43"/>
      <c r="F53" s="43"/>
      <c r="G53" s="44"/>
      <c r="H53" s="42"/>
      <c r="I53" s="43"/>
      <c r="J53" s="43"/>
      <c r="K53" s="44"/>
      <c r="L53" s="42"/>
      <c r="M53" s="43"/>
      <c r="N53" s="43"/>
      <c r="O53" s="44"/>
      <c r="P53" s="42"/>
      <c r="Q53" s="43"/>
      <c r="R53" s="43"/>
      <c r="S53" s="44"/>
      <c r="T53" s="42"/>
      <c r="U53" s="43"/>
      <c r="V53" s="43"/>
      <c r="W53" s="44"/>
    </row>
    <row r="54" spans="1:23" ht="31.8" customHeight="1" x14ac:dyDescent="0.2">
      <c r="A54" s="49"/>
      <c r="B54" s="27"/>
      <c r="C54" s="13" t="s">
        <v>27</v>
      </c>
      <c r="D54" s="45"/>
      <c r="E54" s="46"/>
      <c r="F54" s="46"/>
      <c r="G54" s="47"/>
      <c r="H54" s="45"/>
      <c r="I54" s="46"/>
      <c r="J54" s="46"/>
      <c r="K54" s="47"/>
      <c r="L54" s="45"/>
      <c r="M54" s="46"/>
      <c r="N54" s="46"/>
      <c r="O54" s="47"/>
      <c r="P54" s="45"/>
      <c r="Q54" s="46"/>
      <c r="R54" s="46"/>
      <c r="S54" s="47"/>
      <c r="T54" s="45"/>
      <c r="U54" s="46"/>
      <c r="V54" s="46"/>
      <c r="W54" s="47"/>
    </row>
    <row r="55" spans="1:23" ht="31.8" customHeight="1" x14ac:dyDescent="0.2">
      <c r="A55" s="49"/>
      <c r="B55" s="29" t="s">
        <v>16</v>
      </c>
      <c r="C55" s="12" t="s">
        <v>12</v>
      </c>
      <c r="D55" s="42"/>
      <c r="E55" s="43"/>
      <c r="F55" s="43"/>
      <c r="G55" s="44"/>
      <c r="H55" s="42"/>
      <c r="I55" s="43"/>
      <c r="J55" s="43"/>
      <c r="K55" s="44"/>
      <c r="L55" s="42"/>
      <c r="M55" s="43"/>
      <c r="N55" s="43"/>
      <c r="O55" s="44"/>
      <c r="P55" s="42"/>
      <c r="Q55" s="43"/>
      <c r="R55" s="43"/>
      <c r="S55" s="44"/>
      <c r="T55" s="42"/>
      <c r="U55" s="43"/>
      <c r="V55" s="43"/>
      <c r="W55" s="44"/>
    </row>
    <row r="56" spans="1:23" ht="31.8" customHeight="1" thickBot="1" x14ac:dyDescent="0.25">
      <c r="A56" s="49"/>
      <c r="B56" s="30"/>
      <c r="C56" s="14" t="s">
        <v>27</v>
      </c>
      <c r="D56" s="42"/>
      <c r="E56" s="43"/>
      <c r="F56" s="43"/>
      <c r="G56" s="44"/>
      <c r="H56" s="42"/>
      <c r="I56" s="43"/>
      <c r="J56" s="43"/>
      <c r="K56" s="44"/>
      <c r="L56" s="42"/>
      <c r="M56" s="43"/>
      <c r="N56" s="43"/>
      <c r="O56" s="44"/>
      <c r="P56" s="42"/>
      <c r="Q56" s="43"/>
      <c r="R56" s="43"/>
      <c r="S56" s="44"/>
      <c r="T56" s="42"/>
      <c r="U56" s="43"/>
      <c r="V56" s="43"/>
      <c r="W56" s="44"/>
    </row>
    <row r="57" spans="1:23" ht="31.8" customHeight="1" thickTop="1" x14ac:dyDescent="0.2">
      <c r="A57" s="49"/>
      <c r="B57" s="31" t="s">
        <v>15</v>
      </c>
      <c r="C57" s="15" t="s">
        <v>12</v>
      </c>
      <c r="D57" s="40">
        <f>D51+D53+D55</f>
        <v>0</v>
      </c>
      <c r="E57" s="40"/>
      <c r="F57" s="40"/>
      <c r="G57" s="40"/>
      <c r="H57" s="40">
        <f>H51+H53+H55</f>
        <v>0</v>
      </c>
      <c r="I57" s="40"/>
      <c r="J57" s="40"/>
      <c r="K57" s="40"/>
      <c r="L57" s="40">
        <f>L51+L53+L55</f>
        <v>0</v>
      </c>
      <c r="M57" s="40"/>
      <c r="N57" s="40"/>
      <c r="O57" s="40"/>
      <c r="P57" s="40">
        <f>P51+P53+P55</f>
        <v>0</v>
      </c>
      <c r="Q57" s="40"/>
      <c r="R57" s="40"/>
      <c r="S57" s="40"/>
      <c r="T57" s="40">
        <f>T51+T53+T55</f>
        <v>0</v>
      </c>
      <c r="U57" s="40"/>
      <c r="V57" s="40"/>
      <c r="W57" s="40"/>
    </row>
    <row r="58" spans="1:23" ht="31.8" customHeight="1" x14ac:dyDescent="0.2">
      <c r="A58" s="50"/>
      <c r="B58" s="28"/>
      <c r="C58" s="13" t="s">
        <v>27</v>
      </c>
      <c r="D58" s="41">
        <f>D52+D54+D56</f>
        <v>0</v>
      </c>
      <c r="E58" s="41"/>
      <c r="F58" s="41"/>
      <c r="G58" s="41"/>
      <c r="H58" s="41">
        <f>H52+H54+H56</f>
        <v>0</v>
      </c>
      <c r="I58" s="41"/>
      <c r="J58" s="41"/>
      <c r="K58" s="41"/>
      <c r="L58" s="41">
        <f>L52+L54+L56</f>
        <v>0</v>
      </c>
      <c r="M58" s="41"/>
      <c r="N58" s="41"/>
      <c r="O58" s="41"/>
      <c r="P58" s="41">
        <f>P52+P54+P56</f>
        <v>0</v>
      </c>
      <c r="Q58" s="41"/>
      <c r="R58" s="41"/>
      <c r="S58" s="41"/>
      <c r="T58" s="41">
        <f>T52+T54+T56</f>
        <v>0</v>
      </c>
      <c r="U58" s="41"/>
      <c r="V58" s="41"/>
      <c r="W58" s="41"/>
    </row>
    <row r="59" spans="1:23" ht="31.8" customHeight="1" x14ac:dyDescent="0.2">
      <c r="A59" s="48" t="s">
        <v>22</v>
      </c>
      <c r="B59" s="26" t="s">
        <v>11</v>
      </c>
      <c r="C59" s="12" t="s">
        <v>12</v>
      </c>
      <c r="D59" s="42"/>
      <c r="E59" s="43"/>
      <c r="F59" s="43"/>
      <c r="G59" s="44"/>
      <c r="H59" s="42"/>
      <c r="I59" s="43"/>
      <c r="J59" s="43"/>
      <c r="K59" s="44"/>
      <c r="L59" s="42"/>
      <c r="M59" s="43"/>
      <c r="N59" s="43"/>
      <c r="O59" s="44"/>
      <c r="P59" s="42"/>
      <c r="Q59" s="43"/>
      <c r="R59" s="43"/>
      <c r="S59" s="44"/>
      <c r="T59" s="42"/>
      <c r="U59" s="43"/>
      <c r="V59" s="43"/>
      <c r="W59" s="44"/>
    </row>
    <row r="60" spans="1:23" ht="31.8" customHeight="1" x14ac:dyDescent="0.2">
      <c r="A60" s="49"/>
      <c r="B60" s="27"/>
      <c r="C60" s="13" t="s">
        <v>27</v>
      </c>
      <c r="D60" s="45"/>
      <c r="E60" s="46"/>
      <c r="F60" s="46"/>
      <c r="G60" s="47"/>
      <c r="H60" s="45"/>
      <c r="I60" s="46"/>
      <c r="J60" s="46"/>
      <c r="K60" s="47"/>
      <c r="L60" s="45"/>
      <c r="M60" s="46"/>
      <c r="N60" s="46"/>
      <c r="O60" s="47"/>
      <c r="P60" s="45"/>
      <c r="Q60" s="46"/>
      <c r="R60" s="46"/>
      <c r="S60" s="47"/>
      <c r="T60" s="45"/>
      <c r="U60" s="46"/>
      <c r="V60" s="46"/>
      <c r="W60" s="47"/>
    </row>
    <row r="61" spans="1:23" ht="31.8" customHeight="1" x14ac:dyDescent="0.2">
      <c r="A61" s="49"/>
      <c r="B61" s="26" t="s">
        <v>14</v>
      </c>
      <c r="C61" s="12" t="s">
        <v>12</v>
      </c>
      <c r="D61" s="42"/>
      <c r="E61" s="43"/>
      <c r="F61" s="43"/>
      <c r="G61" s="44"/>
      <c r="H61" s="42"/>
      <c r="I61" s="43"/>
      <c r="J61" s="43"/>
      <c r="K61" s="44"/>
      <c r="L61" s="42"/>
      <c r="M61" s="43"/>
      <c r="N61" s="43"/>
      <c r="O61" s="44"/>
      <c r="P61" s="42"/>
      <c r="Q61" s="43"/>
      <c r="R61" s="43"/>
      <c r="S61" s="44"/>
      <c r="T61" s="42"/>
      <c r="U61" s="43"/>
      <c r="V61" s="43"/>
      <c r="W61" s="44"/>
    </row>
    <row r="62" spans="1:23" ht="31.8" customHeight="1" x14ac:dyDescent="0.2">
      <c r="A62" s="49"/>
      <c r="B62" s="27"/>
      <c r="C62" s="13" t="s">
        <v>27</v>
      </c>
      <c r="D62" s="45"/>
      <c r="E62" s="46"/>
      <c r="F62" s="46"/>
      <c r="G62" s="47"/>
      <c r="H62" s="45"/>
      <c r="I62" s="46"/>
      <c r="J62" s="46"/>
      <c r="K62" s="47"/>
      <c r="L62" s="45"/>
      <c r="M62" s="46"/>
      <c r="N62" s="46"/>
      <c r="O62" s="47"/>
      <c r="P62" s="45"/>
      <c r="Q62" s="46"/>
      <c r="R62" s="46"/>
      <c r="S62" s="47"/>
      <c r="T62" s="45"/>
      <c r="U62" s="46"/>
      <c r="V62" s="46"/>
      <c r="W62" s="47"/>
    </row>
    <row r="63" spans="1:23" ht="31.8" customHeight="1" x14ac:dyDescent="0.2">
      <c r="A63" s="49"/>
      <c r="B63" s="29" t="s">
        <v>16</v>
      </c>
      <c r="C63" s="12" t="s">
        <v>12</v>
      </c>
      <c r="D63" s="42"/>
      <c r="E63" s="43"/>
      <c r="F63" s="43"/>
      <c r="G63" s="44"/>
      <c r="H63" s="42"/>
      <c r="I63" s="43"/>
      <c r="J63" s="43"/>
      <c r="K63" s="44"/>
      <c r="L63" s="42"/>
      <c r="M63" s="43"/>
      <c r="N63" s="43"/>
      <c r="O63" s="44"/>
      <c r="P63" s="42"/>
      <c r="Q63" s="43"/>
      <c r="R63" s="43"/>
      <c r="S63" s="44"/>
      <c r="T63" s="42"/>
      <c r="U63" s="43"/>
      <c r="V63" s="43"/>
      <c r="W63" s="44"/>
    </row>
    <row r="64" spans="1:23" ht="31.8" customHeight="1" thickBot="1" x14ac:dyDescent="0.25">
      <c r="A64" s="49"/>
      <c r="B64" s="30"/>
      <c r="C64" s="14" t="s">
        <v>27</v>
      </c>
      <c r="D64" s="42"/>
      <c r="E64" s="43"/>
      <c r="F64" s="43"/>
      <c r="G64" s="44"/>
      <c r="H64" s="42"/>
      <c r="I64" s="43"/>
      <c r="J64" s="43"/>
      <c r="K64" s="44"/>
      <c r="L64" s="42"/>
      <c r="M64" s="43"/>
      <c r="N64" s="43"/>
      <c r="O64" s="44"/>
      <c r="P64" s="42"/>
      <c r="Q64" s="43"/>
      <c r="R64" s="43"/>
      <c r="S64" s="44"/>
      <c r="T64" s="42"/>
      <c r="U64" s="43"/>
      <c r="V64" s="43"/>
      <c r="W64" s="44"/>
    </row>
    <row r="65" spans="1:23" ht="31.8" customHeight="1" thickTop="1" x14ac:dyDescent="0.2">
      <c r="A65" s="49"/>
      <c r="B65" s="31" t="s">
        <v>15</v>
      </c>
      <c r="C65" s="15" t="s">
        <v>12</v>
      </c>
      <c r="D65" s="40">
        <f>D59+D61+D63</f>
        <v>0</v>
      </c>
      <c r="E65" s="40"/>
      <c r="F65" s="40"/>
      <c r="G65" s="40"/>
      <c r="H65" s="40">
        <f>H59+H61+H63</f>
        <v>0</v>
      </c>
      <c r="I65" s="40"/>
      <c r="J65" s="40"/>
      <c r="K65" s="40"/>
      <c r="L65" s="40">
        <f>L59+L61+L63</f>
        <v>0</v>
      </c>
      <c r="M65" s="40"/>
      <c r="N65" s="40"/>
      <c r="O65" s="40"/>
      <c r="P65" s="40">
        <f>P59+P61+P63</f>
        <v>0</v>
      </c>
      <c r="Q65" s="40"/>
      <c r="R65" s="40"/>
      <c r="S65" s="40"/>
      <c r="T65" s="40">
        <f>T59+T61+T63</f>
        <v>0</v>
      </c>
      <c r="U65" s="40"/>
      <c r="V65" s="40"/>
      <c r="W65" s="40"/>
    </row>
    <row r="66" spans="1:23" ht="31.8" customHeight="1" x14ac:dyDescent="0.2">
      <c r="A66" s="50"/>
      <c r="B66" s="28"/>
      <c r="C66" s="13" t="s">
        <v>27</v>
      </c>
      <c r="D66" s="41">
        <f>D60+D62+D64</f>
        <v>0</v>
      </c>
      <c r="E66" s="41"/>
      <c r="F66" s="41"/>
      <c r="G66" s="41"/>
      <c r="H66" s="41">
        <f>H60+H62+H64</f>
        <v>0</v>
      </c>
      <c r="I66" s="41"/>
      <c r="J66" s="41"/>
      <c r="K66" s="41"/>
      <c r="L66" s="41">
        <f>L60+L62+L64</f>
        <v>0</v>
      </c>
      <c r="M66" s="41"/>
      <c r="N66" s="41"/>
      <c r="O66" s="41"/>
      <c r="P66" s="41">
        <f>P60+P62+P64</f>
        <v>0</v>
      </c>
      <c r="Q66" s="41"/>
      <c r="R66" s="41"/>
      <c r="S66" s="41"/>
      <c r="T66" s="41">
        <f>T60+T62+T64</f>
        <v>0</v>
      </c>
      <c r="U66" s="41"/>
      <c r="V66" s="41"/>
      <c r="W66" s="41"/>
    </row>
    <row r="67" spans="1:23" ht="13.2" customHeight="1" x14ac:dyDescent="0.2"/>
    <row r="68" spans="1:23" x14ac:dyDescent="0.2">
      <c r="A68" s="1" t="s">
        <v>28</v>
      </c>
    </row>
    <row r="69" spans="1:23" x14ac:dyDescent="0.2">
      <c r="A69" s="1" t="s">
        <v>31</v>
      </c>
    </row>
    <row r="70" spans="1:23" x14ac:dyDescent="0.2">
      <c r="A70" s="1" t="s">
        <v>32</v>
      </c>
    </row>
    <row r="71" spans="1:23" x14ac:dyDescent="0.2">
      <c r="A71" s="1" t="s">
        <v>29</v>
      </c>
    </row>
    <row r="72" spans="1:23" x14ac:dyDescent="0.2">
      <c r="A72" s="1" t="s">
        <v>30</v>
      </c>
    </row>
    <row r="73" spans="1:23" x14ac:dyDescent="0.2">
      <c r="A73" s="1" t="s">
        <v>38</v>
      </c>
    </row>
  </sheetData>
  <sheetProtection sheet="1" objects="1" scenarios="1"/>
  <mergeCells count="358">
    <mergeCell ref="D18:E18"/>
    <mergeCell ref="T18:U18"/>
    <mergeCell ref="T31:U31"/>
    <mergeCell ref="A1:W1"/>
    <mergeCell ref="A12:D12"/>
    <mergeCell ref="A11:D11"/>
    <mergeCell ref="A10:D10"/>
    <mergeCell ref="E10:W10"/>
    <mergeCell ref="E11:H11"/>
    <mergeCell ref="E12:H12"/>
    <mergeCell ref="I11:K11"/>
    <mergeCell ref="I12:K12"/>
    <mergeCell ref="A5:W5"/>
    <mergeCell ref="A6:W6"/>
    <mergeCell ref="A7:W7"/>
    <mergeCell ref="H18:I18"/>
    <mergeCell ref="L17:M17"/>
    <mergeCell ref="L18:M18"/>
    <mergeCell ref="P17:Q17"/>
    <mergeCell ref="P18:Q18"/>
    <mergeCell ref="T36:U36"/>
    <mergeCell ref="V36:W36"/>
    <mergeCell ref="T37:U37"/>
    <mergeCell ref="V37:W38"/>
    <mergeCell ref="T38:U38"/>
    <mergeCell ref="U12:W12"/>
    <mergeCell ref="R12:T12"/>
    <mergeCell ref="O12:Q12"/>
    <mergeCell ref="L12:N12"/>
    <mergeCell ref="L11:N11"/>
    <mergeCell ref="O11:Q11"/>
    <mergeCell ref="R11:T11"/>
    <mergeCell ref="U11:W11"/>
    <mergeCell ref="D17:E17"/>
    <mergeCell ref="H17:I17"/>
    <mergeCell ref="V31:W31"/>
    <mergeCell ref="T32:U32"/>
    <mergeCell ref="V32:W33"/>
    <mergeCell ref="T33:U33"/>
    <mergeCell ref="T34:U34"/>
    <mergeCell ref="V34:W35"/>
    <mergeCell ref="T35:U35"/>
    <mergeCell ref="T26:U26"/>
    <mergeCell ref="V26:W26"/>
    <mergeCell ref="T27:U27"/>
    <mergeCell ref="V27:W28"/>
    <mergeCell ref="T28:U28"/>
    <mergeCell ref="T29:U29"/>
    <mergeCell ref="V29:W30"/>
    <mergeCell ref="T30:U30"/>
    <mergeCell ref="T22:U22"/>
    <mergeCell ref="V22:W23"/>
    <mergeCell ref="T23:U23"/>
    <mergeCell ref="T24:U24"/>
    <mergeCell ref="V24:W25"/>
    <mergeCell ref="T25:U25"/>
    <mergeCell ref="V17:W18"/>
    <mergeCell ref="T19:U19"/>
    <mergeCell ref="V19:W20"/>
    <mergeCell ref="T20:U20"/>
    <mergeCell ref="T21:U21"/>
    <mergeCell ref="V21:W21"/>
    <mergeCell ref="T17:U17"/>
    <mergeCell ref="R34:S35"/>
    <mergeCell ref="P35:Q35"/>
    <mergeCell ref="P36:Q36"/>
    <mergeCell ref="R36:S36"/>
    <mergeCell ref="P37:Q37"/>
    <mergeCell ref="R37:S38"/>
    <mergeCell ref="P38:Q38"/>
    <mergeCell ref="R29:S30"/>
    <mergeCell ref="P30:Q30"/>
    <mergeCell ref="P31:Q31"/>
    <mergeCell ref="R31:S31"/>
    <mergeCell ref="P32:Q32"/>
    <mergeCell ref="R32:S33"/>
    <mergeCell ref="P33:Q33"/>
    <mergeCell ref="R24:S25"/>
    <mergeCell ref="P25:Q25"/>
    <mergeCell ref="P26:Q26"/>
    <mergeCell ref="R26:S26"/>
    <mergeCell ref="P27:Q27"/>
    <mergeCell ref="R27:S28"/>
    <mergeCell ref="P28:Q28"/>
    <mergeCell ref="R19:S20"/>
    <mergeCell ref="P20:Q20"/>
    <mergeCell ref="P21:Q21"/>
    <mergeCell ref="R21:S21"/>
    <mergeCell ref="P22:Q22"/>
    <mergeCell ref="R22:S23"/>
    <mergeCell ref="P23:Q23"/>
    <mergeCell ref="L37:M37"/>
    <mergeCell ref="N37:O38"/>
    <mergeCell ref="L38:M38"/>
    <mergeCell ref="P19:Q19"/>
    <mergeCell ref="P24:Q24"/>
    <mergeCell ref="P29:Q29"/>
    <mergeCell ref="P34:Q34"/>
    <mergeCell ref="L31:M31"/>
    <mergeCell ref="N31:O31"/>
    <mergeCell ref="L32:M32"/>
    <mergeCell ref="N32:O33"/>
    <mergeCell ref="L33:M33"/>
    <mergeCell ref="L34:M34"/>
    <mergeCell ref="N34:O35"/>
    <mergeCell ref="L35:M35"/>
    <mergeCell ref="N26:O26"/>
    <mergeCell ref="L27:M27"/>
    <mergeCell ref="N27:O28"/>
    <mergeCell ref="L28:M28"/>
    <mergeCell ref="L29:M29"/>
    <mergeCell ref="N29:O30"/>
    <mergeCell ref="L30:M30"/>
    <mergeCell ref="H26:I26"/>
    <mergeCell ref="N21:O21"/>
    <mergeCell ref="L22:M22"/>
    <mergeCell ref="N22:O23"/>
    <mergeCell ref="L23:M23"/>
    <mergeCell ref="L24:M24"/>
    <mergeCell ref="N24:O25"/>
    <mergeCell ref="L25:M25"/>
    <mergeCell ref="H36:I36"/>
    <mergeCell ref="J36:K36"/>
    <mergeCell ref="J26:K26"/>
    <mergeCell ref="L36:M36"/>
    <mergeCell ref="N36:O36"/>
    <mergeCell ref="D33:E33"/>
    <mergeCell ref="H37:I37"/>
    <mergeCell ref="J37:K38"/>
    <mergeCell ref="H38:I38"/>
    <mergeCell ref="L19:M19"/>
    <mergeCell ref="L20:M20"/>
    <mergeCell ref="L21:M21"/>
    <mergeCell ref="L26:M26"/>
    <mergeCell ref="H32:I32"/>
    <mergeCell ref="J32:K33"/>
    <mergeCell ref="H33:I33"/>
    <mergeCell ref="H34:I34"/>
    <mergeCell ref="J34:K35"/>
    <mergeCell ref="H35:I35"/>
    <mergeCell ref="H28:I28"/>
    <mergeCell ref="H29:I29"/>
    <mergeCell ref="J29:K30"/>
    <mergeCell ref="H30:I30"/>
    <mergeCell ref="H31:I31"/>
    <mergeCell ref="J31:K31"/>
    <mergeCell ref="H23:I23"/>
    <mergeCell ref="H24:I24"/>
    <mergeCell ref="J24:K25"/>
    <mergeCell ref="H25:I25"/>
    <mergeCell ref="D26:E26"/>
    <mergeCell ref="F26:G26"/>
    <mergeCell ref="F27:G28"/>
    <mergeCell ref="F29:G30"/>
    <mergeCell ref="D37:E37"/>
    <mergeCell ref="D38:E38"/>
    <mergeCell ref="J17:K18"/>
    <mergeCell ref="H19:I19"/>
    <mergeCell ref="J19:K20"/>
    <mergeCell ref="H20:I20"/>
    <mergeCell ref="H21:I21"/>
    <mergeCell ref="J21:K21"/>
    <mergeCell ref="H22:I22"/>
    <mergeCell ref="D20:E20"/>
    <mergeCell ref="D19:E19"/>
    <mergeCell ref="D24:E24"/>
    <mergeCell ref="D25:E25"/>
    <mergeCell ref="D27:E27"/>
    <mergeCell ref="D28:E28"/>
    <mergeCell ref="D36:E36"/>
    <mergeCell ref="F36:G36"/>
    <mergeCell ref="F37:G38"/>
    <mergeCell ref="D23:E23"/>
    <mergeCell ref="D22:E22"/>
    <mergeCell ref="D21:E21"/>
    <mergeCell ref="F22:G23"/>
    <mergeCell ref="F21:G21"/>
    <mergeCell ref="F19:G20"/>
    <mergeCell ref="F17:G18"/>
    <mergeCell ref="T60:W60"/>
    <mergeCell ref="T61:W61"/>
    <mergeCell ref="T62:W62"/>
    <mergeCell ref="T63:W63"/>
    <mergeCell ref="T54:W54"/>
    <mergeCell ref="T55:W55"/>
    <mergeCell ref="T56:W56"/>
    <mergeCell ref="T57:W57"/>
    <mergeCell ref="T58:W58"/>
    <mergeCell ref="T59:W59"/>
    <mergeCell ref="T48:W48"/>
    <mergeCell ref="T49:W49"/>
    <mergeCell ref="T50:W50"/>
    <mergeCell ref="T51:W51"/>
    <mergeCell ref="T52:W52"/>
    <mergeCell ref="T53:W53"/>
    <mergeCell ref="D31:E31"/>
    <mergeCell ref="F31:G31"/>
    <mergeCell ref="F32:G33"/>
    <mergeCell ref="P64:S64"/>
    <mergeCell ref="P65:S65"/>
    <mergeCell ref="P66:S66"/>
    <mergeCell ref="T41:W42"/>
    <mergeCell ref="T43:W43"/>
    <mergeCell ref="T44:W44"/>
    <mergeCell ref="T45:W45"/>
    <mergeCell ref="T46:W46"/>
    <mergeCell ref="P56:S56"/>
    <mergeCell ref="P57:S57"/>
    <mergeCell ref="P58:S58"/>
    <mergeCell ref="P59:S59"/>
    <mergeCell ref="P60:S60"/>
    <mergeCell ref="P61:S61"/>
    <mergeCell ref="P50:S50"/>
    <mergeCell ref="P51:S51"/>
    <mergeCell ref="P52:S52"/>
    <mergeCell ref="P53:S53"/>
    <mergeCell ref="P54:S54"/>
    <mergeCell ref="P55:S55"/>
    <mergeCell ref="T47:W47"/>
    <mergeCell ref="T66:W66"/>
    <mergeCell ref="T64:W64"/>
    <mergeCell ref="T65:W65"/>
    <mergeCell ref="L65:O65"/>
    <mergeCell ref="L66:O66"/>
    <mergeCell ref="P41:S42"/>
    <mergeCell ref="P43:S43"/>
    <mergeCell ref="P44:S44"/>
    <mergeCell ref="P45:S45"/>
    <mergeCell ref="P46:S46"/>
    <mergeCell ref="P47:S47"/>
    <mergeCell ref="P48:S48"/>
    <mergeCell ref="P49:S49"/>
    <mergeCell ref="L57:O57"/>
    <mergeCell ref="L58:O58"/>
    <mergeCell ref="L59:O59"/>
    <mergeCell ref="L60:O60"/>
    <mergeCell ref="L61:O61"/>
    <mergeCell ref="L62:O62"/>
    <mergeCell ref="L50:O50"/>
    <mergeCell ref="L51:O51"/>
    <mergeCell ref="L52:O52"/>
    <mergeCell ref="L53:O53"/>
    <mergeCell ref="L54:O54"/>
    <mergeCell ref="L55:O55"/>
    <mergeCell ref="P62:S62"/>
    <mergeCell ref="P63:S63"/>
    <mergeCell ref="H58:K58"/>
    <mergeCell ref="H59:K59"/>
    <mergeCell ref="H60:K60"/>
    <mergeCell ref="H61:K61"/>
    <mergeCell ref="H62:K62"/>
    <mergeCell ref="H52:K52"/>
    <mergeCell ref="H53:K53"/>
    <mergeCell ref="H54:K54"/>
    <mergeCell ref="H55:K55"/>
    <mergeCell ref="H56:K56"/>
    <mergeCell ref="H57:K57"/>
    <mergeCell ref="L63:O63"/>
    <mergeCell ref="L64:O64"/>
    <mergeCell ref="B61:B62"/>
    <mergeCell ref="D66:G66"/>
    <mergeCell ref="H41:K42"/>
    <mergeCell ref="H43:K43"/>
    <mergeCell ref="H44:K44"/>
    <mergeCell ref="H45:K45"/>
    <mergeCell ref="H46:K46"/>
    <mergeCell ref="H47:K47"/>
    <mergeCell ref="H48:K48"/>
    <mergeCell ref="H49:K49"/>
    <mergeCell ref="H50:K50"/>
    <mergeCell ref="D58:G58"/>
    <mergeCell ref="D59:G59"/>
    <mergeCell ref="D60:G60"/>
    <mergeCell ref="D61:G61"/>
    <mergeCell ref="D62:G62"/>
    <mergeCell ref="D63:G63"/>
    <mergeCell ref="D52:G52"/>
    <mergeCell ref="D53:G53"/>
    <mergeCell ref="D54:G54"/>
    <mergeCell ref="D55:G55"/>
    <mergeCell ref="D56:G56"/>
    <mergeCell ref="B53:B54"/>
    <mergeCell ref="B32:C33"/>
    <mergeCell ref="B34:C35"/>
    <mergeCell ref="B36:C36"/>
    <mergeCell ref="B37:C38"/>
    <mergeCell ref="A51:A58"/>
    <mergeCell ref="B51:B52"/>
    <mergeCell ref="B57:B58"/>
    <mergeCell ref="B43:B44"/>
    <mergeCell ref="B45:B46"/>
    <mergeCell ref="B47:B48"/>
    <mergeCell ref="B49:B50"/>
    <mergeCell ref="A43:A50"/>
    <mergeCell ref="A39:W39"/>
    <mergeCell ref="D41:G42"/>
    <mergeCell ref="D47:G47"/>
    <mergeCell ref="D48:G48"/>
    <mergeCell ref="D57:G57"/>
    <mergeCell ref="D44:G44"/>
    <mergeCell ref="D43:G43"/>
    <mergeCell ref="L41:O42"/>
    <mergeCell ref="L43:O43"/>
    <mergeCell ref="L44:O44"/>
    <mergeCell ref="L45:O45"/>
    <mergeCell ref="L46:O46"/>
    <mergeCell ref="L47:O47"/>
    <mergeCell ref="L48:O48"/>
    <mergeCell ref="L49:O49"/>
    <mergeCell ref="L56:O56"/>
    <mergeCell ref="B29:C30"/>
    <mergeCell ref="D49:G49"/>
    <mergeCell ref="D50:G50"/>
    <mergeCell ref="D51:G51"/>
    <mergeCell ref="H51:K51"/>
    <mergeCell ref="D46:G46"/>
    <mergeCell ref="D45:G45"/>
    <mergeCell ref="A59:A66"/>
    <mergeCell ref="B59:B60"/>
    <mergeCell ref="B55:B56"/>
    <mergeCell ref="B65:B66"/>
    <mergeCell ref="D64:G64"/>
    <mergeCell ref="D65:G65"/>
    <mergeCell ref="B63:B64"/>
    <mergeCell ref="H64:K64"/>
    <mergeCell ref="H65:K65"/>
    <mergeCell ref="H66:K66"/>
    <mergeCell ref="H63:K63"/>
    <mergeCell ref="F34:G35"/>
    <mergeCell ref="D34:E34"/>
    <mergeCell ref="D35:E35"/>
    <mergeCell ref="D29:E29"/>
    <mergeCell ref="D30:E30"/>
    <mergeCell ref="D32:E32"/>
    <mergeCell ref="R17:S18"/>
    <mergeCell ref="L16:O16"/>
    <mergeCell ref="P16:S16"/>
    <mergeCell ref="T16:W16"/>
    <mergeCell ref="A16:C16"/>
    <mergeCell ref="A19:A23"/>
    <mergeCell ref="A24:A28"/>
    <mergeCell ref="A29:A33"/>
    <mergeCell ref="A34:A38"/>
    <mergeCell ref="D16:G16"/>
    <mergeCell ref="H16:K16"/>
    <mergeCell ref="B21:C21"/>
    <mergeCell ref="B19:C20"/>
    <mergeCell ref="B31:C31"/>
    <mergeCell ref="H27:I27"/>
    <mergeCell ref="J27:K28"/>
    <mergeCell ref="F24:G25"/>
    <mergeCell ref="J22:K23"/>
    <mergeCell ref="N17:O18"/>
    <mergeCell ref="N19:O20"/>
    <mergeCell ref="B22:C23"/>
    <mergeCell ref="B24:C25"/>
    <mergeCell ref="B26:C26"/>
    <mergeCell ref="B27:C28"/>
  </mergeCells>
  <phoneticPr fontId="2"/>
  <printOptions horizontalCentered="1"/>
  <pageMargins left="0.59055118110236227" right="0.59055118110236227" top="0.74803149606299213" bottom="0.74803149606299213" header="0.31496062992125984" footer="0.31496062992125984"/>
  <pageSetup paperSize="9" scale="83" fitToHeight="2" orientation="portrait" r:id="rId1"/>
  <headerFooter>
    <oddFooter>&amp;R2019.6</oddFooter>
  </headerFooter>
  <rowBreaks count="1" manualBreakCount="1">
    <brk id="38" max="22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19-05-23T09:14:25Z</cp:lastPrinted>
  <dcterms:created xsi:type="dcterms:W3CDTF">2019-05-21T01:45:21Z</dcterms:created>
  <dcterms:modified xsi:type="dcterms:W3CDTF">2019-06-19T06:52:59Z</dcterms:modified>
</cp:coreProperties>
</file>